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ct.dot.ca.gov\dfs07\Users\s150426\Clean California Progam\Award Announcement\"/>
    </mc:Choice>
  </mc:AlternateContent>
  <xr:revisionPtr revIDLastSave="0" documentId="13_ncr:1_{419E4585-D069-4C2B-8029-B211581DDF11}" xr6:coauthVersionLast="45" xr6:coauthVersionMax="45" xr10:uidLastSave="{00000000-0000-0000-0000-000000000000}"/>
  <bookViews>
    <workbookView xWindow="-28920" yWindow="-5895" windowWidth="29040" windowHeight="15840" xr2:uid="{00000000-000D-0000-FFFF-FFFF00000000}"/>
  </bookViews>
  <sheets>
    <sheet name="Sheet 1" sheetId="1" r:id="rId1"/>
  </sheets>
  <definedNames>
    <definedName name="_xlnm._FilterDatabase" localSheetId="0" hidden="1">'Sheet 1'!$A$1:$C$330</definedName>
  </definedName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662" uniqueCount="597">
  <si>
    <t xml:space="preserve">No. </t>
  </si>
  <si>
    <t>Implementing Agency Name</t>
  </si>
  <si>
    <t xml:space="preserve">Project Title </t>
  </si>
  <si>
    <t>Alameda Co Resource Conservation District</t>
  </si>
  <si>
    <t>Alameda County PLANTS Urban Greening Program</t>
  </si>
  <si>
    <t>Alameda County District Attorney</t>
  </si>
  <si>
    <t>Alameda County District Attorney’s Clean Streets Initiative</t>
  </si>
  <si>
    <t>Bureau of Street Lighting</t>
  </si>
  <si>
    <t>Street Lighting System Upgrade Project 1</t>
  </si>
  <si>
    <t>Street Lighting System Upgrade Project 2</t>
  </si>
  <si>
    <t xml:space="preserve">Castro Valley Sanitation District </t>
  </si>
  <si>
    <t>CVSan New Operations and Engineering Building Project</t>
  </si>
  <si>
    <t>City of Albany</t>
  </si>
  <si>
    <t>Eastshore Trail Beautification Project</t>
  </si>
  <si>
    <t>City of Alhambra</t>
  </si>
  <si>
    <t>Front Street Corridor Clean California Beautification, Ped, &amp; Walking</t>
  </si>
  <si>
    <t>City of Alturas</t>
  </si>
  <si>
    <t>The Water Street Beautification Project</t>
  </si>
  <si>
    <t>City of Anaheim</t>
  </si>
  <si>
    <t>North La Palma Green Promenade, Paseo and Parking lot</t>
  </si>
  <si>
    <t>Rebuild Beach Boulevard</t>
  </si>
  <si>
    <t xml:space="preserve">City of Anaheim, Community Services Department </t>
  </si>
  <si>
    <t>Center Greens Improvement</t>
  </si>
  <si>
    <t>City of Atwater</t>
  </si>
  <si>
    <t>Downtown Rejuvenation and Beautification Project</t>
  </si>
  <si>
    <t>Osborn Park Rejuvenation Project</t>
  </si>
  <si>
    <t>Veterans Memorial Park Beautification Project</t>
  </si>
  <si>
    <t>Ralston Park Rejuvenation Project</t>
  </si>
  <si>
    <t>City of Auburn</t>
  </si>
  <si>
    <t xml:space="preserve">Urban Forest and Street Scape Project </t>
  </si>
  <si>
    <t>School Park Entrance Area Renovation</t>
  </si>
  <si>
    <t>City of Bakersfield</t>
  </si>
  <si>
    <t>Garces Memorial Circle Enhancement Project</t>
  </si>
  <si>
    <t>Monterey Street Project</t>
  </si>
  <si>
    <t>Citadel Street - Safe Route to MLK</t>
  </si>
  <si>
    <t>Sumner Street Greening Project</t>
  </si>
  <si>
    <t>City of Bell Gardens</t>
  </si>
  <si>
    <t>BG Keep Parks Clean Beautification Project</t>
  </si>
  <si>
    <t>City of Berkeley</t>
  </si>
  <si>
    <t>Martin Luther King Jr. Civic Center Park - Turtle Garden Project</t>
  </si>
  <si>
    <t>City of Berkeley Public Works Department</t>
  </si>
  <si>
    <t>Adopt-a-Traffic Circle Maintenance and Improvement Project</t>
  </si>
  <si>
    <t>City of Big Bear Lake</t>
  </si>
  <si>
    <t xml:space="preserve">Care for Big Bear </t>
  </si>
  <si>
    <t>City of Bishop</t>
  </si>
  <si>
    <t xml:space="preserve">Bishop Placemaking and Litter Abatement </t>
  </si>
  <si>
    <t>City of Blue Lake</t>
  </si>
  <si>
    <t xml:space="preserve">Blue Lake Pedestrian Trail System Improvements </t>
  </si>
  <si>
    <t>City of Blythe</t>
  </si>
  <si>
    <t>Beautify Blythe</t>
  </si>
  <si>
    <t>City of Brea</t>
  </si>
  <si>
    <t>Arovista Park &amp; Tracks at Brea Enhancements</t>
  </si>
  <si>
    <t>City of Brentwood</t>
  </si>
  <si>
    <t>Brentwood Boulevard Widening &amp; Beautification</t>
  </si>
  <si>
    <t>City of Buena Park</t>
  </si>
  <si>
    <t>Corridor Master Plan - Phase II Trail and Beautification Improvements</t>
  </si>
  <si>
    <t>City of Calabasas</t>
  </si>
  <si>
    <t>Keep Calabasas Clean</t>
  </si>
  <si>
    <t xml:space="preserve">City of Camarillo </t>
  </si>
  <si>
    <t xml:space="preserve">Dizdar Park Renovation and Expansion </t>
  </si>
  <si>
    <t>City of Carlsbad</t>
  </si>
  <si>
    <t>Chestnut Underpass Art Installation</t>
  </si>
  <si>
    <t>Carlsbad Litter Abatement Program</t>
  </si>
  <si>
    <t>City of Ceres</t>
  </si>
  <si>
    <t xml:space="preserve">Smyrna Park - Our Community Park </t>
  </si>
  <si>
    <t xml:space="preserve">City of Chico </t>
  </si>
  <si>
    <t>Beautification of Public Spaces in the Underserved South Chico Com</t>
  </si>
  <si>
    <t>City of Chowchilla</t>
  </si>
  <si>
    <t>Chowchilla Downtown Beautification and Pedestrian Safety Project</t>
  </si>
  <si>
    <t>City of Chula Vista</t>
  </si>
  <si>
    <t>Chula Vista Streets Landscaping and Beautification</t>
  </si>
  <si>
    <t>City of Clearlake</t>
  </si>
  <si>
    <t>Beautification of City Signage/Downtown Corridor &amp; Clean-up of City</t>
  </si>
  <si>
    <t>City of Colton</t>
  </si>
  <si>
    <t>Cooley Drive Turf Removal &amp; Landscape Improvement Project</t>
  </si>
  <si>
    <t>City of Commerce</t>
  </si>
  <si>
    <t xml:space="preserve">Pathways for Hope - Commerce Connectivity Improvements      </t>
  </si>
  <si>
    <t>City of Corcoran</t>
  </si>
  <si>
    <t>City of Corcoran Community Beautification and Cleanup Project</t>
  </si>
  <si>
    <t>City of Corona</t>
  </si>
  <si>
    <t>City of Corona Green Alleys</t>
  </si>
  <si>
    <t>City of Covina</t>
  </si>
  <si>
    <t>Recreation Village Park Beautification Project</t>
  </si>
  <si>
    <t>City of Crescent City</t>
  </si>
  <si>
    <t>Cooper Greenway Clean Up and Trail Project</t>
  </si>
  <si>
    <t>City of Cudahy</t>
  </si>
  <si>
    <t>Cudahy Los Angeles River Area Improvement Project</t>
  </si>
  <si>
    <t>City of Del Mar</t>
  </si>
  <si>
    <t>Riverpath Del Mar Extension Phase 3</t>
  </si>
  <si>
    <t>15th Street Bus Shelter</t>
  </si>
  <si>
    <t>City of Dinuba</t>
  </si>
  <si>
    <t>Downtown Dinuba Placemaking, Beautification &amp; Cleanup Project</t>
  </si>
  <si>
    <t>City of Downey</t>
  </si>
  <si>
    <t>Rio San Gabriel Park - Green, Safe and Active Park Improvements</t>
  </si>
  <si>
    <t>City of Eastvale</t>
  </si>
  <si>
    <t>Eastvale's Hamner Safety and Beautification Project</t>
  </si>
  <si>
    <t>Eastvale's Schleisman Overpass Beautification Project</t>
  </si>
  <si>
    <t>City of El Cajon</t>
  </si>
  <si>
    <t>El Cajon Blvd Streetscape Phase 2</t>
  </si>
  <si>
    <t>Magnolia Avenue Gateway and Beautification</t>
  </si>
  <si>
    <t>Oakdale Alameda Gateway Beautification</t>
  </si>
  <si>
    <t>Second Street Gateway and Streetscape Enhancements</t>
  </si>
  <si>
    <t>City of El Monte</t>
  </si>
  <si>
    <t xml:space="preserve">Merced Ave. Linear Park Project </t>
  </si>
  <si>
    <t>City of Elk Grove</t>
  </si>
  <si>
    <t>Laguna Creek Trail Beautification Project</t>
  </si>
  <si>
    <t>City of Emeryville</t>
  </si>
  <si>
    <t>Litter Abatement/Beautification of 40th St Corridor &amp; Skate Park Mural</t>
  </si>
  <si>
    <t>City of Eureka</t>
  </si>
  <si>
    <t>Broadway Pedestrian Lighting Improvements</t>
  </si>
  <si>
    <t>Eureka South Gateway</t>
  </si>
  <si>
    <t>Highland Park to Truesdale Neighborhood Vitalization Project</t>
  </si>
  <si>
    <t>City of Farmersville</t>
  </si>
  <si>
    <t>Farmersville 198 Gateway and Downtown Improvements</t>
  </si>
  <si>
    <t>City of Fontana</t>
  </si>
  <si>
    <t>Fontana Transit Center Improvements</t>
  </si>
  <si>
    <t>City of Fowler</t>
  </si>
  <si>
    <t>City of Fowler Light Enhancement Program</t>
  </si>
  <si>
    <t>City of Fresno</t>
  </si>
  <si>
    <t>Downtown Fresno Neighborhood Beautification and Cleanup Project</t>
  </si>
  <si>
    <t>City of Fullerton</t>
  </si>
  <si>
    <t>Fullerton Hunt Library &amp; City Hall Courtyard Historic Spaces</t>
  </si>
  <si>
    <t>City of Garden Grove</t>
  </si>
  <si>
    <t>Medal of Honor Trail - Community Health Enhancements</t>
  </si>
  <si>
    <t>City of Gardena</t>
  </si>
  <si>
    <t>Big Belly Trash Cans</t>
  </si>
  <si>
    <t>City of Gilroy</t>
  </si>
  <si>
    <t>Gourmet Alley and Railroad Street Beautification and Litter Abatement</t>
  </si>
  <si>
    <t>City of Glendale</t>
  </si>
  <si>
    <t>San Fernando Road Beautification Project</t>
  </si>
  <si>
    <t>Glendale Permeable Alley Project</t>
  </si>
  <si>
    <t>Southeast Glendale Greening</t>
  </si>
  <si>
    <t>City of Goleta</t>
  </si>
  <si>
    <t>South La Patera Lane Pedestrian, Bike and Landscape Project</t>
  </si>
  <si>
    <t>City of Guadalupe</t>
  </si>
  <si>
    <t>Guadalupe Amtrak Station Rehabilitation</t>
  </si>
  <si>
    <t>City of Hanford</t>
  </si>
  <si>
    <t>Downtown Pedestrian Safety &amp; Traffic Circulation Project</t>
  </si>
  <si>
    <t>City of Hawthorne</t>
  </si>
  <si>
    <t>Railroad Right of Way Beautification</t>
  </si>
  <si>
    <t>Zela Davis Park Renovation Project</t>
  </si>
  <si>
    <t>City of Hayward</t>
  </si>
  <si>
    <t>La Vista Park</t>
  </si>
  <si>
    <t>Stack Center Site Work and Plaza</t>
  </si>
  <si>
    <t>City of Huntington Beach</t>
  </si>
  <si>
    <t>Oak View Neighborhood Cleanup &amp; Beautification</t>
  </si>
  <si>
    <t>City of Huntington Park</t>
  </si>
  <si>
    <t>Huntington Park Litter Abatement and Beautification Project</t>
  </si>
  <si>
    <t>City of Huron</t>
  </si>
  <si>
    <t>Huron Clean California Beautification Project</t>
  </si>
  <si>
    <t>City of Imperial Beach</t>
  </si>
  <si>
    <t>10th Streetscape Enhancements</t>
  </si>
  <si>
    <t>Imperial Beach Veterans Park Community Beautification</t>
  </si>
  <si>
    <t>City of Indio</t>
  </si>
  <si>
    <t>Jackson Street Project</t>
  </si>
  <si>
    <t>City of Jurupa Valley</t>
  </si>
  <si>
    <t>State Highway 60 Interchange Cleanup in Jurupa Valley</t>
  </si>
  <si>
    <t xml:space="preserve">City of Jurupa Valley </t>
  </si>
  <si>
    <t>Jurupa Valley Medians and Rights of Way Beautification</t>
  </si>
  <si>
    <t>City of Kerman</t>
  </si>
  <si>
    <t>City of Kerman Downtown Corridor Revitalization</t>
  </si>
  <si>
    <t>City of King</t>
  </si>
  <si>
    <t>King City Broadway Street Beautification Project</t>
  </si>
  <si>
    <t>City of Kingsburg</t>
  </si>
  <si>
    <t>Kingsburg Parks Shade Structures</t>
  </si>
  <si>
    <t>Kingsburg Memorial Park Band Stand</t>
  </si>
  <si>
    <t>City of La Mesa</t>
  </si>
  <si>
    <t>69th Street Channel Restoration and Parklet Project</t>
  </si>
  <si>
    <t>City of Laguna Beach</t>
  </si>
  <si>
    <t>Forest Alley Trash Enclosure</t>
  </si>
  <si>
    <t>City of Laguna Niguel</t>
  </si>
  <si>
    <t>Median &amp; Shelter Enhancements</t>
  </si>
  <si>
    <t>City of Laguna Woods</t>
  </si>
  <si>
    <t>Ridge Route Drive Landscape Project</t>
  </si>
  <si>
    <t>City of Lake Elsinore</t>
  </si>
  <si>
    <t>Activate Downtown LE</t>
  </si>
  <si>
    <t>City of Lake Forest</t>
  </si>
  <si>
    <t>Southwest Lake Forest Graffiti Abatement Program</t>
  </si>
  <si>
    <t>City of Lakeport</t>
  </si>
  <si>
    <t>Lakeport Mural and Wayfinding Signage Project</t>
  </si>
  <si>
    <t>City of Lakewood</t>
  </si>
  <si>
    <t>Development of Carson Street Multi-use Nature Trail</t>
  </si>
  <si>
    <t>City of Lancaster</t>
  </si>
  <si>
    <t>Amargosa Recreation Trail Project</t>
  </si>
  <si>
    <t>City of Lemon Grove</t>
  </si>
  <si>
    <t>Connect Main Street Ph 1-3</t>
  </si>
  <si>
    <t>Broadway Renaissance Corridor</t>
  </si>
  <si>
    <t>City of Lindsay</t>
  </si>
  <si>
    <t>Olive Bowl Renovation/Kaku Park Expansion</t>
  </si>
  <si>
    <t xml:space="preserve">City of Lindsay </t>
  </si>
  <si>
    <t xml:space="preserve">Harvard Park Reclamation </t>
  </si>
  <si>
    <t>City of Long Beach</t>
  </si>
  <si>
    <t>Artesia Great Boulevard</t>
  </si>
  <si>
    <t>51st Street Greenbelt Project</t>
  </si>
  <si>
    <t>City of Long Beach 710 Freeway Offramp and Onramp Beautification</t>
  </si>
  <si>
    <t xml:space="preserve">City of Long Beach Boulevard Beautification </t>
  </si>
  <si>
    <t>City of Long Beach, Environmental Services</t>
  </si>
  <si>
    <t>Clean Long Beach Initiative</t>
  </si>
  <si>
    <t>City of Los Angeles - Bureau of Sanitation</t>
  </si>
  <si>
    <t>Tujunga Canyon Blvd Green Streets Project</t>
  </si>
  <si>
    <t>Clean &amp; Green Communities</t>
  </si>
  <si>
    <t>Recycling Round Ups and Mobile Collection Events</t>
  </si>
  <si>
    <t>City of Los Angeles - Bureau of Street Lighting</t>
  </si>
  <si>
    <t>Equity Priority Security Bus Stop Lighting</t>
  </si>
  <si>
    <t>Solar Bike Path Lighting Retrofit - CD3</t>
  </si>
  <si>
    <t xml:space="preserve">City of Los Angeles - Bureau of Street Lighting </t>
  </si>
  <si>
    <t>Solar Bike Path Lighting Retrofit - LA River Bikeway</t>
  </si>
  <si>
    <t>City of Los Angeles - Department of Airports</t>
  </si>
  <si>
    <t>North Side of Imperial Hwy - 1,500 LF w/o Main St. - Enhancements</t>
  </si>
  <si>
    <t>City of Los Angeles Bureau of Street Services</t>
  </si>
  <si>
    <t>Hollenbeck Park Adjacent and I-5 Freeway Adjacent Beautification Pr.</t>
  </si>
  <si>
    <t>City-Wide Urban Cooling via Bus Bench Shade Structures</t>
  </si>
  <si>
    <t xml:space="preserve">City of Los Angeles Bureau of Street Services </t>
  </si>
  <si>
    <t>Streets Along Park Edges: Algin Sutton Recreation Center</t>
  </si>
  <si>
    <t>City of Los Angeles, Board of Public Works</t>
  </si>
  <si>
    <t>Clean Jobs for L.A.</t>
  </si>
  <si>
    <t>City of Los Angeles, Bureau of Street Services</t>
  </si>
  <si>
    <t>Creating Urban Habitat &amp; Biodiversity through Median Greening</t>
  </si>
  <si>
    <t>Martin Luther King Jr Blvd: Equity &amp; Connectivity through Greening</t>
  </si>
  <si>
    <t>City of Madera</t>
  </si>
  <si>
    <t xml:space="preserve">Fresno River &amp; Vernon McCullough River Trail </t>
  </si>
  <si>
    <t>City of Marina</t>
  </si>
  <si>
    <t>Playground at Sea Haven Park</t>
  </si>
  <si>
    <t>City of Marysville</t>
  </si>
  <si>
    <t>Ellis Lake Park Enhancement</t>
  </si>
  <si>
    <t>City of Maywood</t>
  </si>
  <si>
    <t>City of Maywood Beautification Project</t>
  </si>
  <si>
    <t>City of McFarland</t>
  </si>
  <si>
    <t>McFarland Community Garden and Trail</t>
  </si>
  <si>
    <t>City of Mendota</t>
  </si>
  <si>
    <t>Mendota Bass Avenue Green Spaces</t>
  </si>
  <si>
    <t>City of Menifee</t>
  </si>
  <si>
    <t>Newport Interchange Beautification</t>
  </si>
  <si>
    <t>City of Modesto</t>
  </si>
  <si>
    <t>Modesto Clean California Local Grant Program</t>
  </si>
  <si>
    <t>City of Monrovia</t>
  </si>
  <si>
    <t>Encanto Park Restoration and Stormwater Capture Project</t>
  </si>
  <si>
    <t>City of Montclair</t>
  </si>
  <si>
    <t>City of Montclair: Sunset Park Beautification</t>
  </si>
  <si>
    <t>City of Montebello</t>
  </si>
  <si>
    <t>City of Montebello Chet Holifield Park Revitalization Project</t>
  </si>
  <si>
    <t xml:space="preserve">City of Monterey - Public Works </t>
  </si>
  <si>
    <t xml:space="preserve">N. Fremont Bike and Pedestrian Safety Multi-use Path </t>
  </si>
  <si>
    <t>City of Moreno Valley</t>
  </si>
  <si>
    <t xml:space="preserve">Moreno Valley Caltrans Cleanup and Beautification Project   </t>
  </si>
  <si>
    <t xml:space="preserve">Moreno Valley City Clean Up </t>
  </si>
  <si>
    <t xml:space="preserve">Moreno Valley Caltrans Infrastructure Project  </t>
  </si>
  <si>
    <t>City of Morgan Hill</t>
  </si>
  <si>
    <t xml:space="preserve">Morgan Hill Clean, Safe &amp; Healthy Campaign </t>
  </si>
  <si>
    <t>City of National City</t>
  </si>
  <si>
    <t>National City Eastside I-805 Community Greenbelt Project</t>
  </si>
  <si>
    <t>City of Needles</t>
  </si>
  <si>
    <t>Marina Park First Beach</t>
  </si>
  <si>
    <t>City of Oakland</t>
  </si>
  <si>
    <t>Oakland Mini Parks Beautification</t>
  </si>
  <si>
    <t>City of Oakland, Public Works</t>
  </si>
  <si>
    <t>Courtland Creek Restoration Project</t>
  </si>
  <si>
    <t>City of Oceanside</t>
  </si>
  <si>
    <t xml:space="preserve">Crown Heights Community Enhancements and Improvements </t>
  </si>
  <si>
    <t>City of Ojai</t>
  </si>
  <si>
    <t>City of Ojai Signal and Grand Parklet</t>
  </si>
  <si>
    <t>City of Ontario</t>
  </si>
  <si>
    <t>Downtown Ontario Beautification Project</t>
  </si>
  <si>
    <t>Mission Boulevard Median Beautification</t>
  </si>
  <si>
    <t>City of Orange</t>
  </si>
  <si>
    <t>Metropolitan Dr &amp; Katella Ave Median Improvement</t>
  </si>
  <si>
    <t>City of Orange Cove</t>
  </si>
  <si>
    <t>Renovation of Sheridan Park and Orange Cove Welcome Signs</t>
  </si>
  <si>
    <t>City of Orinda</t>
  </si>
  <si>
    <t>Crossroads Gateway Mini Park Beautification Project</t>
  </si>
  <si>
    <t>City of Oxnard</t>
  </si>
  <si>
    <t>Oxnard Beautification and Clean-up Program</t>
  </si>
  <si>
    <t>City of Paramount</t>
  </si>
  <si>
    <t>Jackson Fitness Park</t>
  </si>
  <si>
    <t>City of Parlier</t>
  </si>
  <si>
    <t>City of Parlier Community Park Space Beautification</t>
  </si>
  <si>
    <t>City of Pasadena Department of Public Works</t>
  </si>
  <si>
    <t>North Fair Oaks Avenue Enhancement Project</t>
  </si>
  <si>
    <t>City of Patterson</t>
  </si>
  <si>
    <t>Park Beautification and Gateway Monument</t>
  </si>
  <si>
    <t>City of Perris</t>
  </si>
  <si>
    <t>Copper Creek Park Renovation Project</t>
  </si>
  <si>
    <t>City of Pico Rivera</t>
  </si>
  <si>
    <t>Rosemead Boulevard Median and Parkway Beautification Project</t>
  </si>
  <si>
    <t>Pico Rivera-Major Corridors Median &amp; Parkway Beautification Project</t>
  </si>
  <si>
    <t>City of Pinole</t>
  </si>
  <si>
    <t>Beautify Pinole</t>
  </si>
  <si>
    <t>City of Pittsburg</t>
  </si>
  <si>
    <t>Living Green Pittsburg - Trail and Community Outreach Project</t>
  </si>
  <si>
    <t>Reviving the Heart of Pittsburg Pride</t>
  </si>
  <si>
    <t>City of Placentia</t>
  </si>
  <si>
    <t xml:space="preserve">Santa Fe Street Closure and Plaza Improvement Project </t>
  </si>
  <si>
    <t>City of Pomona</t>
  </si>
  <si>
    <t>Holt Avenue Corridor Project</t>
  </si>
  <si>
    <t>City of Porterville</t>
  </si>
  <si>
    <t>Santa Fe Byway</t>
  </si>
  <si>
    <t>City of Rancho Cordova</t>
  </si>
  <si>
    <t>Mather Field Enhancements Project</t>
  </si>
  <si>
    <t>City of Rancho Cucamonga</t>
  </si>
  <si>
    <t>Bear Gulch Park Improvements and Beautification Project</t>
  </si>
  <si>
    <t>City of Red Bluff</t>
  </si>
  <si>
    <t>Airport Park Beautification</t>
  </si>
  <si>
    <t>City of Redding</t>
  </si>
  <si>
    <t>Urban Park, Lighted Pedestrian Path &amp; Community Programming</t>
  </si>
  <si>
    <t>City of Redlands</t>
  </si>
  <si>
    <t xml:space="preserve">North Redlands Beautification Project </t>
  </si>
  <si>
    <t>City of Redondo Beach</t>
  </si>
  <si>
    <t xml:space="preserve">Catalina Avenue Median Improvements           </t>
  </si>
  <si>
    <t>North Redondo Beach Bike Path Extension Landscape Improvements</t>
  </si>
  <si>
    <t>City of Redwood City</t>
  </si>
  <si>
    <t>Bradford Street/Redwood Creek Trail</t>
  </si>
  <si>
    <t>City of Reedley</t>
  </si>
  <si>
    <t>Reedley River Parks Project</t>
  </si>
  <si>
    <t>City of Richmond</t>
  </si>
  <si>
    <t>Richmond Communities Clean Collaborative</t>
  </si>
  <si>
    <t>Richmond Intermodal Center Neighborhood Transformation</t>
  </si>
  <si>
    <t>Yellow Brick Road: Clean, Green &amp; Beautiful</t>
  </si>
  <si>
    <t>City of Ridgecrest</t>
  </si>
  <si>
    <t>Leroy Jackson Sports Complex Improvements</t>
  </si>
  <si>
    <t>City of Rio Dell</t>
  </si>
  <si>
    <t>Eel River Trail</t>
  </si>
  <si>
    <t>Rio Dell Gateway Beautification</t>
  </si>
  <si>
    <t>City of Ripon</t>
  </si>
  <si>
    <t>Ripon Community Beautification Project</t>
  </si>
  <si>
    <t>City of Riverside - Office of the Mayor</t>
  </si>
  <si>
    <t>First Impressions</t>
  </si>
  <si>
    <t>City of Roseville</t>
  </si>
  <si>
    <t xml:space="preserve">Saugstad Park Revitalization and Beautification Project </t>
  </si>
  <si>
    <t>City of Sacramento</t>
  </si>
  <si>
    <t>The Hanami Line at Robert T. Matsui Park</t>
  </si>
  <si>
    <t>24th Street Bypass Park Expansion Project</t>
  </si>
  <si>
    <t>Dixienanne Neighborhood Clean &amp; Green Alleys</t>
  </si>
  <si>
    <t>21st Avenue Beautification Project</t>
  </si>
  <si>
    <t>City of Sacramento, Office of Arts and Culture</t>
  </si>
  <si>
    <t>Florin Road Community Beautification</t>
  </si>
  <si>
    <t>City of Salinas</t>
  </si>
  <si>
    <t>Alisal Greening, Beautification, and Safety Project</t>
  </si>
  <si>
    <t>City of San Bernardino</t>
  </si>
  <si>
    <t>San Bernardino 4th Street Alley Beautification Project</t>
  </si>
  <si>
    <t>Western Nunez Park Revitilization</t>
  </si>
  <si>
    <t>Graffiti Abatement and Dilapidated Building Painting Services</t>
  </si>
  <si>
    <t>West 2nd Street to S. Mt. Vernon Avenue Corridor Revitalization</t>
  </si>
  <si>
    <t xml:space="preserve">City of San Carlos </t>
  </si>
  <si>
    <t>C1746-Rail Corridor South of Arroyo Ave Landscape Improvements</t>
  </si>
  <si>
    <t>City of San Dimas</t>
  </si>
  <si>
    <t xml:space="preserve">Downtown Trash Enclosures &amp; Trash Receptacles </t>
  </si>
  <si>
    <t>City of San Fernando</t>
  </si>
  <si>
    <t>Pacoima Wash Bikeway Project</t>
  </si>
  <si>
    <t>City of San Gabriel - Public Works</t>
  </si>
  <si>
    <t>Demolition and Construction of Two new Restroom Buildings</t>
  </si>
  <si>
    <t>City of San Jose</t>
  </si>
  <si>
    <t>Cleaner San Jose Beautification Project</t>
  </si>
  <si>
    <t>City of San Luis Obispo</t>
  </si>
  <si>
    <t>Chorro St. Downtown Gateway &amp; US-101 Underpass Beautification</t>
  </si>
  <si>
    <t>City of San Marcos</t>
  </si>
  <si>
    <t>Capalina Road Sidewalk Connection</t>
  </si>
  <si>
    <t>City of San Pablo</t>
  </si>
  <si>
    <t>San Pablo Old Town Pocket Park &amp; Illegal Dumping Outreach</t>
  </si>
  <si>
    <t>City of San Rafael</t>
  </si>
  <si>
    <t>Keep the Canal Neighborhood Clean!</t>
  </si>
  <si>
    <t>City of Santa Ana</t>
  </si>
  <si>
    <t>Santa Ana Street Median Beautification &amp; Urban Greening on Edinger</t>
  </si>
  <si>
    <t>Bristol Street Protected Bike Lanes and Widening Project - Phase IV</t>
  </si>
  <si>
    <t>King Street Urban Greening Project</t>
  </si>
  <si>
    <t>City of Santa Barbara</t>
  </si>
  <si>
    <t>Eastside Neighborhood Park Renovation</t>
  </si>
  <si>
    <t>City of Santa Clarita</t>
  </si>
  <si>
    <t>Newhall Gateway beautification Project</t>
  </si>
  <si>
    <t>City of Santa Maria</t>
  </si>
  <si>
    <t xml:space="preserve">Battles Road Green Corridor Rehabilitation and Beautification Project </t>
  </si>
  <si>
    <t>City of Santa Monica</t>
  </si>
  <si>
    <t>Gandara Park Restoration Project</t>
  </si>
  <si>
    <t>City of Santa Rosa - Public Works &amp; Parks</t>
  </si>
  <si>
    <t>South Davis Park and Newhall Trail Improvement and Beautification</t>
  </si>
  <si>
    <t>City of Seal Beach</t>
  </si>
  <si>
    <t>PCH Medians Beautification &amp; Improvement within City of Seal Beach</t>
  </si>
  <si>
    <t>City of Shafter</t>
  </si>
  <si>
    <t>Historic Core Recreation Rehabilitation and Enhancement Project</t>
  </si>
  <si>
    <t>City of Shasta Lake</t>
  </si>
  <si>
    <t>Shasta Lake Downtown Revitalization Project</t>
  </si>
  <si>
    <t>City of Simi Valley</t>
  </si>
  <si>
    <t>Simi Valley Transit Center</t>
  </si>
  <si>
    <t>City of South Lake Tahoe</t>
  </si>
  <si>
    <t xml:space="preserve">Tahoe Valley Stormwater &amp; Greenbelt Improvement Project </t>
  </si>
  <si>
    <t>City of South San Francisco</t>
  </si>
  <si>
    <t xml:space="preserve">The Centennial Tail Outdoor Recreation and Education Enhancement </t>
  </si>
  <si>
    <t>Linden Park and Town Square</t>
  </si>
  <si>
    <t xml:space="preserve">City of St. Helena </t>
  </si>
  <si>
    <t xml:space="preserve">Cultivate Main Street </t>
  </si>
  <si>
    <t>City of Suisun City</t>
  </si>
  <si>
    <t>Suisun City Amtrak Park &amp; Ride Beautification Project</t>
  </si>
  <si>
    <t>City of Sunnyvale</t>
  </si>
  <si>
    <t>Beautify Sunnyvale: More Trees, Less Litter</t>
  </si>
  <si>
    <t>Keep Sunnyvale Clean: A neighborhood-scale litter reduction program</t>
  </si>
  <si>
    <t>City of Tehachapi</t>
  </si>
  <si>
    <t>Valley Boulevard Recreational Park</t>
  </si>
  <si>
    <t>City of Torrance</t>
  </si>
  <si>
    <t>City of Torrance I-405 Gateway Improvements</t>
  </si>
  <si>
    <t>City of Ukiah</t>
  </si>
  <si>
    <t>City of Ukiah Beautification and Improvement Program</t>
  </si>
  <si>
    <t>City of Vallejo, Public Works</t>
  </si>
  <si>
    <t>Lake Dalwigk Park Improvements Project</t>
  </si>
  <si>
    <t>City of Ventura</t>
  </si>
  <si>
    <t>Ventura River Trail Improvements</t>
  </si>
  <si>
    <t>City of Vernon</t>
  </si>
  <si>
    <t>Vernon Fitness Park</t>
  </si>
  <si>
    <t>City of Visalia</t>
  </si>
  <si>
    <t>Recreation Park Enhancement Project</t>
  </si>
  <si>
    <t>City of Vista</t>
  </si>
  <si>
    <t>Beautifying and Activating Public Spaces in the City of Vista</t>
  </si>
  <si>
    <t>City of Wasco</t>
  </si>
  <si>
    <t xml:space="preserve">City of Wasco's Historic Downtown Business District Transformation </t>
  </si>
  <si>
    <t>City of Waterford</t>
  </si>
  <si>
    <t>S. Reinway Park Beautification Project</t>
  </si>
  <si>
    <t>City of West Covina</t>
  </si>
  <si>
    <t>West Covina - Various Streets Median Beautification Project</t>
  </si>
  <si>
    <t>City of Whittier</t>
  </si>
  <si>
    <t>Norwalk Boulevard Median Installation Project</t>
  </si>
  <si>
    <t>City of Wildomar</t>
  </si>
  <si>
    <t>Palomar Street Beautification Project</t>
  </si>
  <si>
    <t>City of Woodlake</t>
  </si>
  <si>
    <t>East Naranjo Beautification and Connectivity Improvements</t>
  </si>
  <si>
    <t>City of Yuba City</t>
  </si>
  <si>
    <t>Plumas Street Historic District and Water Tower Park Improvements</t>
  </si>
  <si>
    <t>City/County Association of Governments</t>
  </si>
  <si>
    <t>Routes to Eliminating the Root Causes of Illegal Dumping</t>
  </si>
  <si>
    <t>Coachella Valley Association of Governments</t>
  </si>
  <si>
    <t>Coachella Valley Community Connectors</t>
  </si>
  <si>
    <t>Colusa Indian Community Council</t>
  </si>
  <si>
    <t>Ummi's Pathway</t>
  </si>
  <si>
    <t>Contra Costa County</t>
  </si>
  <si>
    <t>Contra Costa County Illegal Dumping Initiative</t>
  </si>
  <si>
    <t>Cosumnes Community Services District</t>
  </si>
  <si>
    <t>Laguna Town Hall Amphitheater &amp; Town Square Park Revitalization</t>
  </si>
  <si>
    <t>County of Fresno, Public Works and Planning</t>
  </si>
  <si>
    <t xml:space="preserve">Fresno County Parks and Pathways Improvements </t>
  </si>
  <si>
    <t>County of Glenn</t>
  </si>
  <si>
    <t>Glenn County Parks Accessibility and Beautification Project</t>
  </si>
  <si>
    <t>County of Kern</t>
  </si>
  <si>
    <t>Heritage Park Beautification and Enhancement</t>
  </si>
  <si>
    <t>Mojave East Park Beautification and Enhancement</t>
  </si>
  <si>
    <t xml:space="preserve">County of Kern </t>
  </si>
  <si>
    <t>Lost Hills Park Beautification</t>
  </si>
  <si>
    <t>County of Lake</t>
  </si>
  <si>
    <t>Lake County Beautification Initiative</t>
  </si>
  <si>
    <t>County of Los Angeles Department of Parks and Recreation</t>
  </si>
  <si>
    <t>Ford Theatres Hiking Trail Project</t>
  </si>
  <si>
    <t>County of Mendocino</t>
  </si>
  <si>
    <t>Junk Vehicle Amnesty Event</t>
  </si>
  <si>
    <t>County of Merced</t>
  </si>
  <si>
    <t>Winton Community Park Restoration</t>
  </si>
  <si>
    <t>County of San Diego Parks and Recreation</t>
  </si>
  <si>
    <t>Mira Mesa Epicentre</t>
  </si>
  <si>
    <t>County of San Luis Obispo</t>
  </si>
  <si>
    <t>Art in Transit Project</t>
  </si>
  <si>
    <t>Central Coast Clean Educational Campaign Expansion</t>
  </si>
  <si>
    <t>County of Santa Clara</t>
  </si>
  <si>
    <t>Beautify Santa Clara County</t>
  </si>
  <si>
    <t>County of Santa Clara Roads and Airports</t>
  </si>
  <si>
    <t>East Side Sidewalk Improvements</t>
  </si>
  <si>
    <t>County of Santa Cruz</t>
  </si>
  <si>
    <t>Green Valley Road Multi-Use Trail Improvements Project</t>
  </si>
  <si>
    <t>County of SD-Planning &amp; Development Svcs.</t>
  </si>
  <si>
    <t>Campo Road Reconfiguration Design</t>
  </si>
  <si>
    <t>County of Ventura</t>
  </si>
  <si>
    <t>Ventura County Leave No Trace</t>
  </si>
  <si>
    <t>Jose Flores Community Center Passive Park</t>
  </si>
  <si>
    <t>County of Yuba</t>
  </si>
  <si>
    <t>Friendship Park Beautification Project</t>
  </si>
  <si>
    <t>Lindhurst Avenue Beautification Project</t>
  </si>
  <si>
    <t>El Dorado &amp; Georgetown Divide Resource Conservation District</t>
  </si>
  <si>
    <t>Xeriscape Garden</t>
  </si>
  <si>
    <t>El Pueblo de Los Angeles Historical Monument</t>
  </si>
  <si>
    <t xml:space="preserve">El Pueblo Historic District Architectural Fencing &amp; Public Art </t>
  </si>
  <si>
    <t>Fort Independence Indian Community</t>
  </si>
  <si>
    <t>Oak Creek Community Park</t>
  </si>
  <si>
    <t>Groveland Community Services District</t>
  </si>
  <si>
    <t>Groveland Community Asset Rehabilitation and Beautification Project</t>
  </si>
  <si>
    <t>Hoopa Valley Tribal Council</t>
  </si>
  <si>
    <t>Hoopa Four Project</t>
  </si>
  <si>
    <t>Housing Authority of the City of Los Angeles</t>
  </si>
  <si>
    <t>South Los Angeles Rising</t>
  </si>
  <si>
    <t>Jordan Downs Beautification and Litter Abatement</t>
  </si>
  <si>
    <t>Humboldt Bay Harbor District</t>
  </si>
  <si>
    <t>Peninsula Beautification Project</t>
  </si>
  <si>
    <t>Imperial County Department of Public Works</t>
  </si>
  <si>
    <t>Dogwood Road Pedestrian Improvements</t>
  </si>
  <si>
    <t>Kashia Band of Pomo Indians</t>
  </si>
  <si>
    <t>Cleanup &amp; Beautification of Kashia Tribal Lands</t>
  </si>
  <si>
    <t>LA County Metro Transportation Authority</t>
  </si>
  <si>
    <t>LA Metro Bus Stop Improvement Project - Application 1</t>
  </si>
  <si>
    <t>LA Metro Bus Stop Improvement Project - Application 2</t>
  </si>
  <si>
    <t>LA Metro Bus Stop Improvement Project- Application 3</t>
  </si>
  <si>
    <t>LA Metro Bus Stop Improvement Project - Application 4</t>
  </si>
  <si>
    <t>LA Metro Bus Stop Improvement Project - Application 5</t>
  </si>
  <si>
    <t>LA Metro</t>
  </si>
  <si>
    <t>Ramona Gardens/City Terrace Rail Line Beautification Project</t>
  </si>
  <si>
    <t>Los Angeles Bureau of Engineering</t>
  </si>
  <si>
    <t>Pacoima Wash Bridge Rail Extension and Beautification Improvement</t>
  </si>
  <si>
    <t>Western Gage Median Park Project</t>
  </si>
  <si>
    <t>Los Angeles County Law Library</t>
  </si>
  <si>
    <t>Accessing Justice</t>
  </si>
  <si>
    <t>Los Angeles County Public Works</t>
  </si>
  <si>
    <t>Community Based Organization-Education Outreach-llegal Dumping</t>
  </si>
  <si>
    <t>Ventura Park and Ride Lot Improvements</t>
  </si>
  <si>
    <t>Los Angeles Metro</t>
  </si>
  <si>
    <t>Los Angeles Union Station Near-Term Forecourt Improvement Project</t>
  </si>
  <si>
    <t>Los Angeles Public Works - Bureau of Street Lighting</t>
  </si>
  <si>
    <t>El Pueblo Historic District Lighting Upgrades and Public Art</t>
  </si>
  <si>
    <t>Madera County</t>
  </si>
  <si>
    <t>La Vina Mobility and Beautification Enhancements Project</t>
  </si>
  <si>
    <t>Manchester Band of Pomo Indians</t>
  </si>
  <si>
    <t>Manchester/Point Arena Tribal Clean-Up</t>
  </si>
  <si>
    <t>Marine City Community Services District</t>
  </si>
  <si>
    <t>Marin City Aquatics and Family Center</t>
  </si>
  <si>
    <t>Mariposa County Planning Department</t>
  </si>
  <si>
    <t>Downtown Mariposa Activation and Beautification Initiative</t>
  </si>
  <si>
    <t>Modoc County Road Department</t>
  </si>
  <si>
    <t>Veterans Memorial Park Rehabilitation and Beatification Project</t>
  </si>
  <si>
    <t>Monterey-Salinas Transit District (MST)</t>
  </si>
  <si>
    <t xml:space="preserve">Marina Transit Exchange and Shelter Beautification </t>
  </si>
  <si>
    <t>Parks and Recreation City of San Mateo</t>
  </si>
  <si>
    <t>Bayside Joinville Park Shade and Litter Abatement</t>
  </si>
  <si>
    <t>Parks and Recreation Department, City of Santa Cruz</t>
  </si>
  <si>
    <t>Main Beach Public Restroom Renovations</t>
  </si>
  <si>
    <t>Phelan Pinon Hills Community Services Distric</t>
  </si>
  <si>
    <t>The Phelan Community Safe and Clean Routes to Schools and Parks</t>
  </si>
  <si>
    <t>Plumas County Transportation Commission</t>
  </si>
  <si>
    <t>Quincy Pocket Park</t>
  </si>
  <si>
    <t>Port of San Francisco</t>
  </si>
  <si>
    <t>Clean and Safe Waterfront Enhancement Project</t>
  </si>
  <si>
    <t>Redwood City</t>
  </si>
  <si>
    <t>Skyway Art at Winslow Street</t>
  </si>
  <si>
    <t xml:space="preserve">Riverside County Regional Park &amp; Open Space District </t>
  </si>
  <si>
    <t>Hermose Historia: Trujillo Adobe Beautification Project</t>
  </si>
  <si>
    <t>Riverside County Transportation Commission</t>
  </si>
  <si>
    <t>Riverside Clean &amp; Green Transit Centers Improvement Project</t>
  </si>
  <si>
    <t>Riverside University Health System-Public Health</t>
  </si>
  <si>
    <t>Clean, Beautiful and Resilient Oasis</t>
  </si>
  <si>
    <t>Round Valley County Water District (RVCWD)</t>
  </si>
  <si>
    <t xml:space="preserve">Community Stewards Beatufication Project </t>
  </si>
  <si>
    <t>Sacramento City</t>
  </si>
  <si>
    <t>Del Rio Trail</t>
  </si>
  <si>
    <t>Sacramento County Department of Waste Management and Recycling</t>
  </si>
  <si>
    <t xml:space="preserve">Sacramento County Litter and Debris Cleanup Project </t>
  </si>
  <si>
    <t>San Benito County Resource Management Agency</t>
  </si>
  <si>
    <t>San Benito County - Park Bathrooms &amp; Bike Lane Reconstruction</t>
  </si>
  <si>
    <t>San Diego Metropolitan Transit System</t>
  </si>
  <si>
    <t>Beyer Blvd Trolley Station Beautification Project</t>
  </si>
  <si>
    <t>San Francisco Arts Commission</t>
  </si>
  <si>
    <t>Canopy Mural Project</t>
  </si>
  <si>
    <t>San Francisco Bay Area Rapid Transit District</t>
  </si>
  <si>
    <t>MacArthur 40th St Underpass Safety Improvement</t>
  </si>
  <si>
    <t>San Francisco Municipal Transportation Agenc</t>
  </si>
  <si>
    <t>South of Market (SoMa) Transit Gardens Connection Project</t>
  </si>
  <si>
    <t>San Francisco Public Utilities Commission</t>
  </si>
  <si>
    <t>San Francisco Rain Garden Rehabilitation Project</t>
  </si>
  <si>
    <t>San Francisco Recreation and Park Dept.</t>
  </si>
  <si>
    <t>Buchanan Street Mall Renewal Project</t>
  </si>
  <si>
    <t>San Gabriel Valley Council of Governments</t>
  </si>
  <si>
    <t>SGVCOG Public Space Beautification Project</t>
  </si>
  <si>
    <t>San Joaquin County</t>
  </si>
  <si>
    <t>State Route 4 Community Space</t>
  </si>
  <si>
    <t>Eleventh Street and Grant Line Road Roundabout Beautification</t>
  </si>
  <si>
    <t>San Mateo County</t>
  </si>
  <si>
    <t>Flood County Park - All Abilities and Adventure Playgrounds</t>
  </si>
  <si>
    <t>Santa Barbara County Public Works</t>
  </si>
  <si>
    <t>Bradley Road Beautification Project</t>
  </si>
  <si>
    <t>Santa Cruz County Reg Transportation Comm</t>
  </si>
  <si>
    <t>Santa Cruz County Rail Trail Volunteer Program</t>
  </si>
  <si>
    <t>Santa Ynez Band of Chumash Indians</t>
  </si>
  <si>
    <t>Na'n i mik'o'y (Get Outside) Community Learning Outdoor Space</t>
  </si>
  <si>
    <t>Solano County, Resource Management</t>
  </si>
  <si>
    <t>Solano County Parks &amp; Public Space Beautification Project</t>
  </si>
  <si>
    <t>SolTrans</t>
  </si>
  <si>
    <t>Sereno Transit Center &amp; SolTrans 21 Bus Stop Improvement Projects</t>
  </si>
  <si>
    <t>Southern California Regional Rail Authority</t>
  </si>
  <si>
    <t>Metrolink Ornamental High-Security Fencing Upgrades</t>
  </si>
  <si>
    <t>Southgate Recreation &amp; Park District</t>
  </si>
  <si>
    <t>South Sacramento Parks &amp; Pathways Beautification &amp; Revitalization</t>
  </si>
  <si>
    <t>Stanislaus County Public Works</t>
  </si>
  <si>
    <t>South Modesto/SR-99 Visual Barrier Project</t>
  </si>
  <si>
    <t>The City of Grass Valley</t>
  </si>
  <si>
    <t>Dow Alexander Park Improvement and Wolf Creek Trail Head Connection</t>
  </si>
  <si>
    <t>Town of Windsor</t>
  </si>
  <si>
    <t>Old Redwood Highway Corridor Beautification Project</t>
  </si>
  <si>
    <t>Town of Yountville</t>
  </si>
  <si>
    <t xml:space="preserve">Yountville - Washington St Parking Lot Beautification </t>
  </si>
  <si>
    <t>Tuolumne County</t>
  </si>
  <si>
    <t>Groveland Vibrant Connections to Public Spaces</t>
  </si>
  <si>
    <t>Jamestown Gateway and Main Street Revitalization Project</t>
  </si>
  <si>
    <t>Don't Trash Tuolumne Cleanup and Encouragement Campaign</t>
  </si>
  <si>
    <t>Valley Transportation Authority (VTA)</t>
  </si>
  <si>
    <t xml:space="preserve">VTA Transit Facility Rehabilitation and Beautification Project </t>
  </si>
  <si>
    <t>Young Adults Fighting Tobacco Coalition</t>
  </si>
  <si>
    <t>Bank for Riverbank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0"/>
      <color indexed="8"/>
      <name val="Arial"/>
      <family val="2"/>
    </font>
    <font>
      <b/>
      <sz val="12"/>
      <color indexed="8"/>
      <name val="Arial"/>
      <family val="2"/>
    </font>
    <font>
      <sz val="12"/>
      <color indexed="8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8" tint="0.59999389629810485"/>
        <bgColor indexed="9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2">
    <xf numFmtId="0" fontId="0" fillId="0" borderId="0" xfId="0"/>
    <xf numFmtId="1" fontId="1" fillId="2" borderId="0" xfId="0" applyNumberFormat="1" applyFont="1" applyFill="1" applyAlignment="1">
      <alignment horizontal="center" vertical="top" wrapText="1"/>
    </xf>
    <xf numFmtId="0" fontId="1" fillId="2" borderId="0" xfId="0" applyFont="1" applyFill="1" applyAlignment="1">
      <alignment vertical="top" wrapText="1"/>
    </xf>
    <xf numFmtId="0" fontId="1" fillId="3" borderId="0" xfId="0" applyFont="1" applyFill="1" applyAlignment="1">
      <alignment vertical="top" wrapText="1"/>
    </xf>
    <xf numFmtId="0" fontId="2" fillId="4" borderId="0" xfId="0" applyFont="1" applyFill="1" applyAlignment="1">
      <alignment horizontal="center" vertical="top" wrapText="1"/>
    </xf>
    <xf numFmtId="0" fontId="2" fillId="4" borderId="0" xfId="0" applyFont="1" applyFill="1" applyAlignment="1">
      <alignment vertical="top" wrapText="1"/>
    </xf>
    <xf numFmtId="0" fontId="2" fillId="5" borderId="0" xfId="0" applyFont="1" applyFill="1" applyAlignment="1">
      <alignment horizontal="center" vertical="top" wrapText="1"/>
    </xf>
    <xf numFmtId="0" fontId="2" fillId="5" borderId="0" xfId="0" applyFont="1" applyFill="1" applyAlignment="1">
      <alignment vertical="top" wrapText="1"/>
    </xf>
    <xf numFmtId="0" fontId="2" fillId="0" borderId="0" xfId="0" applyFont="1" applyAlignment="1">
      <alignment horizontal="center" vertical="top" wrapText="1"/>
    </xf>
    <xf numFmtId="0" fontId="2" fillId="0" borderId="0" xfId="0" applyFont="1" applyAlignment="1">
      <alignment vertical="top" wrapText="1"/>
    </xf>
    <xf numFmtId="0" fontId="2" fillId="0" borderId="0" xfId="0" applyFont="1" applyFill="1" applyAlignment="1">
      <alignment horizontal="center" vertical="top" wrapText="1"/>
    </xf>
    <xf numFmtId="0" fontId="2" fillId="0" borderId="0" xfId="0" applyFont="1" applyFill="1" applyAlignment="1">
      <alignment vertical="top" wrapText="1"/>
    </xf>
  </cellXfs>
  <cellStyles count="1">
    <cellStyle name="Normal" xfId="0" builtinId="0"/>
  </cellStyles>
  <dxfs count="7">
    <dxf>
      <fill>
        <patternFill>
          <bgColor theme="0" tint="-0.14996795556505021"/>
        </patternFill>
      </fill>
    </dxf>
    <dxf>
      <font>
        <color theme="0" tint="-0.24994659260841701"/>
      </font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344"/>
  <sheetViews>
    <sheetView tabSelected="1" zoomScaleNormal="70" workbookViewId="0">
      <pane ySplit="1" topLeftCell="A2" activePane="bottomLeft" state="frozen"/>
      <selection pane="bottomLeft" activeCell="J13" sqref="J13"/>
    </sheetView>
  </sheetViews>
  <sheetFormatPr defaultColWidth="9.1796875" defaultRowHeight="15.5" x14ac:dyDescent="0.25"/>
  <cols>
    <col min="1" max="1" width="9.1796875" style="8"/>
    <col min="2" max="2" width="69.36328125" style="9" bestFit="1" customWidth="1"/>
    <col min="3" max="3" width="80.81640625" style="9" customWidth="1"/>
    <col min="4" max="16384" width="9.1796875" style="9"/>
  </cols>
  <sheetData>
    <row r="1" spans="1:3" s="3" customFormat="1" x14ac:dyDescent="0.25">
      <c r="A1" s="1" t="s">
        <v>0</v>
      </c>
      <c r="B1" s="2" t="s">
        <v>1</v>
      </c>
      <c r="C1" s="2" t="s">
        <v>2</v>
      </c>
    </row>
    <row r="2" spans="1:3" s="5" customFormat="1" x14ac:dyDescent="0.25">
      <c r="A2" s="4">
        <v>1</v>
      </c>
      <c r="B2" s="5" t="s">
        <v>3</v>
      </c>
      <c r="C2" s="5" t="s">
        <v>4</v>
      </c>
    </row>
    <row r="3" spans="1:3" s="7" customFormat="1" x14ac:dyDescent="0.25">
      <c r="A3" s="6">
        <v>2</v>
      </c>
      <c r="B3" s="7" t="s">
        <v>5</v>
      </c>
      <c r="C3" s="7" t="s">
        <v>6</v>
      </c>
    </row>
    <row r="4" spans="1:3" s="5" customFormat="1" x14ac:dyDescent="0.25">
      <c r="A4" s="4">
        <v>3</v>
      </c>
      <c r="B4" s="5" t="s">
        <v>7</v>
      </c>
      <c r="C4" s="5" t="s">
        <v>8</v>
      </c>
    </row>
    <row r="5" spans="1:3" s="7" customFormat="1" x14ac:dyDescent="0.25">
      <c r="A5" s="6">
        <v>4</v>
      </c>
      <c r="B5" s="7" t="s">
        <v>7</v>
      </c>
      <c r="C5" s="7" t="s">
        <v>9</v>
      </c>
    </row>
    <row r="6" spans="1:3" s="5" customFormat="1" x14ac:dyDescent="0.25">
      <c r="A6" s="4">
        <v>5</v>
      </c>
      <c r="B6" s="5" t="s">
        <v>10</v>
      </c>
      <c r="C6" s="5" t="s">
        <v>11</v>
      </c>
    </row>
    <row r="7" spans="1:3" s="7" customFormat="1" x14ac:dyDescent="0.25">
      <c r="A7" s="6">
        <v>6</v>
      </c>
      <c r="B7" s="7" t="s">
        <v>12</v>
      </c>
      <c r="C7" s="7" t="s">
        <v>13</v>
      </c>
    </row>
    <row r="8" spans="1:3" s="5" customFormat="1" x14ac:dyDescent="0.25">
      <c r="A8" s="4">
        <v>7</v>
      </c>
      <c r="B8" s="5" t="s">
        <v>14</v>
      </c>
      <c r="C8" s="5" t="s">
        <v>15</v>
      </c>
    </row>
    <row r="9" spans="1:3" s="7" customFormat="1" x14ac:dyDescent="0.25">
      <c r="A9" s="6">
        <v>8</v>
      </c>
      <c r="B9" s="7" t="s">
        <v>16</v>
      </c>
      <c r="C9" s="7" t="s">
        <v>17</v>
      </c>
    </row>
    <row r="10" spans="1:3" s="5" customFormat="1" x14ac:dyDescent="0.25">
      <c r="A10" s="4">
        <v>9</v>
      </c>
      <c r="B10" s="5" t="s">
        <v>18</v>
      </c>
      <c r="C10" s="5" t="s">
        <v>19</v>
      </c>
    </row>
    <row r="11" spans="1:3" s="7" customFormat="1" x14ac:dyDescent="0.25">
      <c r="A11" s="6">
        <v>10</v>
      </c>
      <c r="B11" s="7" t="s">
        <v>18</v>
      </c>
      <c r="C11" s="7" t="s">
        <v>20</v>
      </c>
    </row>
    <row r="12" spans="1:3" s="5" customFormat="1" ht="15" customHeight="1" x14ac:dyDescent="0.25">
      <c r="A12" s="4">
        <v>11</v>
      </c>
      <c r="B12" s="5" t="s">
        <v>21</v>
      </c>
      <c r="C12" s="5" t="s">
        <v>22</v>
      </c>
    </row>
    <row r="13" spans="1:3" s="7" customFormat="1" x14ac:dyDescent="0.25">
      <c r="A13" s="6">
        <v>12</v>
      </c>
      <c r="B13" s="7" t="s">
        <v>23</v>
      </c>
      <c r="C13" s="7" t="s">
        <v>24</v>
      </c>
    </row>
    <row r="14" spans="1:3" s="5" customFormat="1" x14ac:dyDescent="0.25">
      <c r="A14" s="4">
        <v>13</v>
      </c>
      <c r="B14" s="5" t="s">
        <v>23</v>
      </c>
      <c r="C14" s="5" t="s">
        <v>25</v>
      </c>
    </row>
    <row r="15" spans="1:3" s="7" customFormat="1" x14ac:dyDescent="0.25">
      <c r="A15" s="6">
        <v>14</v>
      </c>
      <c r="B15" s="7" t="s">
        <v>23</v>
      </c>
      <c r="C15" s="7" t="s">
        <v>26</v>
      </c>
    </row>
    <row r="16" spans="1:3" s="5" customFormat="1" x14ac:dyDescent="0.25">
      <c r="A16" s="4">
        <v>15</v>
      </c>
      <c r="B16" s="5" t="s">
        <v>23</v>
      </c>
      <c r="C16" s="5" t="s">
        <v>27</v>
      </c>
    </row>
    <row r="17" spans="1:3" s="7" customFormat="1" x14ac:dyDescent="0.25">
      <c r="A17" s="6">
        <v>16</v>
      </c>
      <c r="B17" s="7" t="s">
        <v>28</v>
      </c>
      <c r="C17" s="7" t="s">
        <v>29</v>
      </c>
    </row>
    <row r="18" spans="1:3" s="5" customFormat="1" x14ac:dyDescent="0.25">
      <c r="A18" s="4">
        <v>17</v>
      </c>
      <c r="B18" s="5" t="s">
        <v>28</v>
      </c>
      <c r="C18" s="5" t="s">
        <v>30</v>
      </c>
    </row>
    <row r="19" spans="1:3" s="7" customFormat="1" x14ac:dyDescent="0.25">
      <c r="A19" s="6">
        <v>18</v>
      </c>
      <c r="B19" s="7" t="s">
        <v>31</v>
      </c>
      <c r="C19" s="7" t="s">
        <v>32</v>
      </c>
    </row>
    <row r="20" spans="1:3" s="5" customFormat="1" x14ac:dyDescent="0.25">
      <c r="A20" s="4">
        <v>19</v>
      </c>
      <c r="B20" s="5" t="s">
        <v>31</v>
      </c>
      <c r="C20" s="5" t="s">
        <v>33</v>
      </c>
    </row>
    <row r="21" spans="1:3" s="7" customFormat="1" x14ac:dyDescent="0.25">
      <c r="A21" s="6">
        <v>20</v>
      </c>
      <c r="B21" s="7" t="s">
        <v>31</v>
      </c>
      <c r="C21" s="7" t="s">
        <v>34</v>
      </c>
    </row>
    <row r="22" spans="1:3" s="5" customFormat="1" x14ac:dyDescent="0.25">
      <c r="A22" s="4">
        <v>21</v>
      </c>
      <c r="B22" s="5" t="s">
        <v>31</v>
      </c>
      <c r="C22" s="5" t="s">
        <v>35</v>
      </c>
    </row>
    <row r="23" spans="1:3" s="7" customFormat="1" x14ac:dyDescent="0.25">
      <c r="A23" s="6">
        <v>22</v>
      </c>
      <c r="B23" s="7" t="s">
        <v>36</v>
      </c>
      <c r="C23" s="7" t="s">
        <v>37</v>
      </c>
    </row>
    <row r="24" spans="1:3" s="5" customFormat="1" x14ac:dyDescent="0.25">
      <c r="A24" s="4">
        <v>23</v>
      </c>
      <c r="B24" s="5" t="s">
        <v>38</v>
      </c>
      <c r="C24" s="5" t="s">
        <v>39</v>
      </c>
    </row>
    <row r="25" spans="1:3" s="7" customFormat="1" x14ac:dyDescent="0.25">
      <c r="A25" s="6">
        <v>24</v>
      </c>
      <c r="B25" s="7" t="s">
        <v>40</v>
      </c>
      <c r="C25" s="7" t="s">
        <v>41</v>
      </c>
    </row>
    <row r="26" spans="1:3" s="5" customFormat="1" x14ac:dyDescent="0.25">
      <c r="A26" s="4">
        <v>25</v>
      </c>
      <c r="B26" s="5" t="s">
        <v>42</v>
      </c>
      <c r="C26" s="5" t="s">
        <v>43</v>
      </c>
    </row>
    <row r="27" spans="1:3" s="7" customFormat="1" x14ac:dyDescent="0.25">
      <c r="A27" s="6">
        <v>26</v>
      </c>
      <c r="B27" s="7" t="s">
        <v>44</v>
      </c>
      <c r="C27" s="7" t="s">
        <v>45</v>
      </c>
    </row>
    <row r="28" spans="1:3" s="5" customFormat="1" x14ac:dyDescent="0.25">
      <c r="A28" s="4">
        <v>27</v>
      </c>
      <c r="B28" s="5" t="s">
        <v>46</v>
      </c>
      <c r="C28" s="5" t="s">
        <v>47</v>
      </c>
    </row>
    <row r="29" spans="1:3" s="7" customFormat="1" x14ac:dyDescent="0.25">
      <c r="A29" s="6">
        <v>28</v>
      </c>
      <c r="B29" s="7" t="s">
        <v>48</v>
      </c>
      <c r="C29" s="7" t="s">
        <v>49</v>
      </c>
    </row>
    <row r="30" spans="1:3" s="5" customFormat="1" x14ac:dyDescent="0.25">
      <c r="A30" s="4">
        <v>29</v>
      </c>
      <c r="B30" s="5" t="s">
        <v>50</v>
      </c>
      <c r="C30" s="5" t="s">
        <v>51</v>
      </c>
    </row>
    <row r="31" spans="1:3" s="7" customFormat="1" x14ac:dyDescent="0.25">
      <c r="A31" s="6">
        <v>30</v>
      </c>
      <c r="B31" s="7" t="s">
        <v>52</v>
      </c>
      <c r="C31" s="7" t="s">
        <v>53</v>
      </c>
    </row>
    <row r="32" spans="1:3" s="5" customFormat="1" x14ac:dyDescent="0.25">
      <c r="A32" s="4">
        <v>31</v>
      </c>
      <c r="B32" s="5" t="s">
        <v>54</v>
      </c>
      <c r="C32" s="5" t="s">
        <v>55</v>
      </c>
    </row>
    <row r="33" spans="1:3" s="7" customFormat="1" x14ac:dyDescent="0.25">
      <c r="A33" s="6">
        <v>32</v>
      </c>
      <c r="B33" s="7" t="s">
        <v>56</v>
      </c>
      <c r="C33" s="7" t="s">
        <v>57</v>
      </c>
    </row>
    <row r="34" spans="1:3" s="5" customFormat="1" x14ac:dyDescent="0.25">
      <c r="A34" s="4">
        <v>33</v>
      </c>
      <c r="B34" s="5" t="s">
        <v>58</v>
      </c>
      <c r="C34" s="5" t="s">
        <v>59</v>
      </c>
    </row>
    <row r="35" spans="1:3" s="7" customFormat="1" x14ac:dyDescent="0.25">
      <c r="A35" s="6">
        <v>34</v>
      </c>
      <c r="B35" s="7" t="s">
        <v>60</v>
      </c>
      <c r="C35" s="7" t="s">
        <v>61</v>
      </c>
    </row>
    <row r="36" spans="1:3" s="5" customFormat="1" x14ac:dyDescent="0.25">
      <c r="A36" s="4">
        <v>35</v>
      </c>
      <c r="B36" s="5" t="s">
        <v>60</v>
      </c>
      <c r="C36" s="5" t="s">
        <v>62</v>
      </c>
    </row>
    <row r="37" spans="1:3" s="7" customFormat="1" x14ac:dyDescent="0.25">
      <c r="A37" s="6">
        <v>36</v>
      </c>
      <c r="B37" s="7" t="s">
        <v>63</v>
      </c>
      <c r="C37" s="7" t="s">
        <v>64</v>
      </c>
    </row>
    <row r="38" spans="1:3" s="5" customFormat="1" x14ac:dyDescent="0.25">
      <c r="A38" s="4">
        <v>37</v>
      </c>
      <c r="B38" s="5" t="s">
        <v>65</v>
      </c>
      <c r="C38" s="5" t="s">
        <v>66</v>
      </c>
    </row>
    <row r="39" spans="1:3" s="7" customFormat="1" x14ac:dyDescent="0.25">
      <c r="A39" s="6">
        <v>38</v>
      </c>
      <c r="B39" s="7" t="s">
        <v>67</v>
      </c>
      <c r="C39" s="7" t="s">
        <v>68</v>
      </c>
    </row>
    <row r="40" spans="1:3" s="5" customFormat="1" x14ac:dyDescent="0.25">
      <c r="A40" s="4">
        <v>39</v>
      </c>
      <c r="B40" s="5" t="s">
        <v>69</v>
      </c>
      <c r="C40" s="5" t="s">
        <v>70</v>
      </c>
    </row>
    <row r="41" spans="1:3" s="7" customFormat="1" x14ac:dyDescent="0.25">
      <c r="A41" s="6">
        <v>40</v>
      </c>
      <c r="B41" s="7" t="s">
        <v>71</v>
      </c>
      <c r="C41" s="7" t="s">
        <v>72</v>
      </c>
    </row>
    <row r="42" spans="1:3" s="5" customFormat="1" x14ac:dyDescent="0.25">
      <c r="A42" s="4">
        <v>41</v>
      </c>
      <c r="B42" s="5" t="s">
        <v>73</v>
      </c>
      <c r="C42" s="5" t="s">
        <v>74</v>
      </c>
    </row>
    <row r="43" spans="1:3" s="7" customFormat="1" x14ac:dyDescent="0.25">
      <c r="A43" s="6">
        <v>42</v>
      </c>
      <c r="B43" s="7" t="s">
        <v>75</v>
      </c>
      <c r="C43" s="7" t="s">
        <v>76</v>
      </c>
    </row>
    <row r="44" spans="1:3" s="5" customFormat="1" x14ac:dyDescent="0.25">
      <c r="A44" s="4">
        <v>43</v>
      </c>
      <c r="B44" s="5" t="s">
        <v>77</v>
      </c>
      <c r="C44" s="5" t="s">
        <v>78</v>
      </c>
    </row>
    <row r="45" spans="1:3" s="11" customFormat="1" x14ac:dyDescent="0.25">
      <c r="A45" s="10">
        <v>44</v>
      </c>
      <c r="B45" s="11" t="s">
        <v>79</v>
      </c>
      <c r="C45" s="11" t="s">
        <v>80</v>
      </c>
    </row>
    <row r="46" spans="1:3" s="5" customFormat="1" x14ac:dyDescent="0.25">
      <c r="A46" s="4">
        <v>45</v>
      </c>
      <c r="B46" s="5" t="s">
        <v>81</v>
      </c>
      <c r="C46" s="5" t="s">
        <v>82</v>
      </c>
    </row>
    <row r="47" spans="1:3" s="7" customFormat="1" x14ac:dyDescent="0.25">
      <c r="A47" s="6">
        <v>46</v>
      </c>
      <c r="B47" s="7" t="s">
        <v>83</v>
      </c>
      <c r="C47" s="7" t="s">
        <v>84</v>
      </c>
    </row>
    <row r="48" spans="1:3" s="5" customFormat="1" x14ac:dyDescent="0.25">
      <c r="A48" s="4">
        <v>47</v>
      </c>
      <c r="B48" s="5" t="s">
        <v>85</v>
      </c>
      <c r="C48" s="5" t="s">
        <v>86</v>
      </c>
    </row>
    <row r="49" spans="1:3" s="7" customFormat="1" x14ac:dyDescent="0.25">
      <c r="A49" s="6">
        <v>48</v>
      </c>
      <c r="B49" s="7" t="s">
        <v>87</v>
      </c>
      <c r="C49" s="7" t="s">
        <v>88</v>
      </c>
    </row>
    <row r="50" spans="1:3" s="5" customFormat="1" x14ac:dyDescent="0.25">
      <c r="A50" s="4">
        <v>49</v>
      </c>
      <c r="B50" s="5" t="s">
        <v>87</v>
      </c>
      <c r="C50" s="5" t="s">
        <v>89</v>
      </c>
    </row>
    <row r="51" spans="1:3" s="7" customFormat="1" x14ac:dyDescent="0.25">
      <c r="A51" s="6">
        <v>50</v>
      </c>
      <c r="B51" s="7" t="s">
        <v>90</v>
      </c>
      <c r="C51" s="7" t="s">
        <v>91</v>
      </c>
    </row>
    <row r="52" spans="1:3" s="5" customFormat="1" x14ac:dyDescent="0.25">
      <c r="A52" s="4">
        <v>51</v>
      </c>
      <c r="B52" s="5" t="s">
        <v>92</v>
      </c>
      <c r="C52" s="5" t="s">
        <v>93</v>
      </c>
    </row>
    <row r="53" spans="1:3" s="7" customFormat="1" x14ac:dyDescent="0.25">
      <c r="A53" s="6">
        <v>52</v>
      </c>
      <c r="B53" s="7" t="s">
        <v>94</v>
      </c>
      <c r="C53" s="7" t="s">
        <v>95</v>
      </c>
    </row>
    <row r="54" spans="1:3" s="5" customFormat="1" x14ac:dyDescent="0.25">
      <c r="A54" s="4">
        <v>53</v>
      </c>
      <c r="B54" s="5" t="s">
        <v>94</v>
      </c>
      <c r="C54" s="5" t="s">
        <v>96</v>
      </c>
    </row>
    <row r="55" spans="1:3" s="7" customFormat="1" x14ac:dyDescent="0.25">
      <c r="A55" s="6">
        <v>54</v>
      </c>
      <c r="B55" s="7" t="s">
        <v>97</v>
      </c>
      <c r="C55" s="7" t="s">
        <v>98</v>
      </c>
    </row>
    <row r="56" spans="1:3" s="5" customFormat="1" x14ac:dyDescent="0.25">
      <c r="A56" s="4">
        <v>55</v>
      </c>
      <c r="B56" s="5" t="s">
        <v>97</v>
      </c>
      <c r="C56" s="5" t="s">
        <v>99</v>
      </c>
    </row>
    <row r="57" spans="1:3" s="7" customFormat="1" x14ac:dyDescent="0.25">
      <c r="A57" s="6">
        <v>56</v>
      </c>
      <c r="B57" s="7" t="s">
        <v>97</v>
      </c>
      <c r="C57" s="7" t="s">
        <v>100</v>
      </c>
    </row>
    <row r="58" spans="1:3" s="5" customFormat="1" x14ac:dyDescent="0.25">
      <c r="A58" s="4">
        <v>57</v>
      </c>
      <c r="B58" s="5" t="s">
        <v>97</v>
      </c>
      <c r="C58" s="5" t="s">
        <v>101</v>
      </c>
    </row>
    <row r="59" spans="1:3" s="7" customFormat="1" x14ac:dyDescent="0.25">
      <c r="A59" s="6">
        <v>58</v>
      </c>
      <c r="B59" s="7" t="s">
        <v>102</v>
      </c>
      <c r="C59" s="7" t="s">
        <v>103</v>
      </c>
    </row>
    <row r="60" spans="1:3" s="5" customFormat="1" x14ac:dyDescent="0.25">
      <c r="A60" s="4">
        <v>59</v>
      </c>
      <c r="B60" s="5" t="s">
        <v>104</v>
      </c>
      <c r="C60" s="5" t="s">
        <v>105</v>
      </c>
    </row>
    <row r="61" spans="1:3" s="7" customFormat="1" x14ac:dyDescent="0.25">
      <c r="A61" s="6">
        <v>60</v>
      </c>
      <c r="B61" s="7" t="s">
        <v>106</v>
      </c>
      <c r="C61" s="7" t="s">
        <v>107</v>
      </c>
    </row>
    <row r="62" spans="1:3" s="5" customFormat="1" x14ac:dyDescent="0.25">
      <c r="A62" s="4">
        <v>61</v>
      </c>
      <c r="B62" s="5" t="s">
        <v>108</v>
      </c>
      <c r="C62" s="5" t="s">
        <v>109</v>
      </c>
    </row>
    <row r="63" spans="1:3" s="7" customFormat="1" x14ac:dyDescent="0.25">
      <c r="A63" s="6">
        <v>62</v>
      </c>
      <c r="B63" s="7" t="s">
        <v>108</v>
      </c>
      <c r="C63" s="7" t="s">
        <v>110</v>
      </c>
    </row>
    <row r="64" spans="1:3" s="5" customFormat="1" x14ac:dyDescent="0.25">
      <c r="A64" s="4">
        <v>63</v>
      </c>
      <c r="B64" s="5" t="s">
        <v>108</v>
      </c>
      <c r="C64" s="5" t="s">
        <v>111</v>
      </c>
    </row>
    <row r="65" spans="1:3" s="7" customFormat="1" x14ac:dyDescent="0.25">
      <c r="A65" s="6">
        <v>64</v>
      </c>
      <c r="B65" s="7" t="s">
        <v>112</v>
      </c>
      <c r="C65" s="7" t="s">
        <v>113</v>
      </c>
    </row>
    <row r="66" spans="1:3" s="5" customFormat="1" x14ac:dyDescent="0.25">
      <c r="A66" s="4">
        <v>65</v>
      </c>
      <c r="B66" s="5" t="s">
        <v>114</v>
      </c>
      <c r="C66" s="5" t="s">
        <v>115</v>
      </c>
    </row>
    <row r="67" spans="1:3" s="7" customFormat="1" x14ac:dyDescent="0.25">
      <c r="A67" s="6">
        <v>66</v>
      </c>
      <c r="B67" s="7" t="s">
        <v>116</v>
      </c>
      <c r="C67" s="7" t="s">
        <v>117</v>
      </c>
    </row>
    <row r="68" spans="1:3" s="5" customFormat="1" x14ac:dyDescent="0.25">
      <c r="A68" s="4">
        <v>67</v>
      </c>
      <c r="B68" s="5" t="s">
        <v>118</v>
      </c>
      <c r="C68" s="5" t="s">
        <v>119</v>
      </c>
    </row>
    <row r="69" spans="1:3" s="7" customFormat="1" x14ac:dyDescent="0.25">
      <c r="A69" s="6">
        <v>68</v>
      </c>
      <c r="B69" s="7" t="s">
        <v>120</v>
      </c>
      <c r="C69" s="7" t="s">
        <v>121</v>
      </c>
    </row>
    <row r="70" spans="1:3" s="5" customFormat="1" x14ac:dyDescent="0.25">
      <c r="A70" s="4">
        <v>69</v>
      </c>
      <c r="B70" s="5" t="s">
        <v>122</v>
      </c>
      <c r="C70" s="5" t="s">
        <v>123</v>
      </c>
    </row>
    <row r="71" spans="1:3" s="7" customFormat="1" x14ac:dyDescent="0.25">
      <c r="A71" s="6">
        <v>70</v>
      </c>
      <c r="B71" s="7" t="s">
        <v>124</v>
      </c>
      <c r="C71" s="7" t="s">
        <v>125</v>
      </c>
    </row>
    <row r="72" spans="1:3" s="5" customFormat="1" x14ac:dyDescent="0.25">
      <c r="A72" s="4">
        <v>71</v>
      </c>
      <c r="B72" s="5" t="s">
        <v>126</v>
      </c>
      <c r="C72" s="5" t="s">
        <v>127</v>
      </c>
    </row>
    <row r="73" spans="1:3" s="7" customFormat="1" x14ac:dyDescent="0.25">
      <c r="A73" s="6">
        <v>72</v>
      </c>
      <c r="B73" s="7" t="s">
        <v>128</v>
      </c>
      <c r="C73" s="7" t="s">
        <v>129</v>
      </c>
    </row>
    <row r="74" spans="1:3" s="5" customFormat="1" x14ac:dyDescent="0.25">
      <c r="A74" s="4">
        <v>73</v>
      </c>
      <c r="B74" s="5" t="s">
        <v>128</v>
      </c>
      <c r="C74" s="5" t="s">
        <v>130</v>
      </c>
    </row>
    <row r="75" spans="1:3" s="7" customFormat="1" x14ac:dyDescent="0.25">
      <c r="A75" s="6">
        <v>74</v>
      </c>
      <c r="B75" s="7" t="s">
        <v>128</v>
      </c>
      <c r="C75" s="7" t="s">
        <v>131</v>
      </c>
    </row>
    <row r="76" spans="1:3" s="5" customFormat="1" x14ac:dyDescent="0.25">
      <c r="A76" s="4">
        <v>75</v>
      </c>
      <c r="B76" s="5" t="s">
        <v>132</v>
      </c>
      <c r="C76" s="5" t="s">
        <v>133</v>
      </c>
    </row>
    <row r="77" spans="1:3" s="7" customFormat="1" x14ac:dyDescent="0.25">
      <c r="A77" s="6">
        <v>76</v>
      </c>
      <c r="B77" s="7" t="s">
        <v>134</v>
      </c>
      <c r="C77" s="7" t="s">
        <v>135</v>
      </c>
    </row>
    <row r="78" spans="1:3" s="5" customFormat="1" x14ac:dyDescent="0.25">
      <c r="A78" s="4">
        <v>77</v>
      </c>
      <c r="B78" s="5" t="s">
        <v>136</v>
      </c>
      <c r="C78" s="5" t="s">
        <v>137</v>
      </c>
    </row>
    <row r="79" spans="1:3" s="7" customFormat="1" x14ac:dyDescent="0.25">
      <c r="A79" s="6">
        <v>78</v>
      </c>
      <c r="B79" s="7" t="s">
        <v>138</v>
      </c>
      <c r="C79" s="7" t="s">
        <v>139</v>
      </c>
    </row>
    <row r="80" spans="1:3" s="5" customFormat="1" x14ac:dyDescent="0.25">
      <c r="A80" s="4">
        <v>79</v>
      </c>
      <c r="B80" s="5" t="s">
        <v>138</v>
      </c>
      <c r="C80" s="5" t="s">
        <v>140</v>
      </c>
    </row>
    <row r="81" spans="1:3" s="7" customFormat="1" x14ac:dyDescent="0.25">
      <c r="A81" s="6">
        <v>80</v>
      </c>
      <c r="B81" s="7" t="s">
        <v>141</v>
      </c>
      <c r="C81" s="7" t="s">
        <v>142</v>
      </c>
    </row>
    <row r="82" spans="1:3" s="5" customFormat="1" x14ac:dyDescent="0.25">
      <c r="A82" s="4">
        <v>81</v>
      </c>
      <c r="B82" s="5" t="s">
        <v>141</v>
      </c>
      <c r="C82" s="5" t="s">
        <v>143</v>
      </c>
    </row>
    <row r="83" spans="1:3" s="7" customFormat="1" x14ac:dyDescent="0.25">
      <c r="A83" s="6">
        <v>82</v>
      </c>
      <c r="B83" s="7" t="s">
        <v>144</v>
      </c>
      <c r="C83" s="7" t="s">
        <v>145</v>
      </c>
    </row>
    <row r="84" spans="1:3" s="5" customFormat="1" x14ac:dyDescent="0.25">
      <c r="A84" s="4">
        <v>83</v>
      </c>
      <c r="B84" s="5" t="s">
        <v>146</v>
      </c>
      <c r="C84" s="5" t="s">
        <v>147</v>
      </c>
    </row>
    <row r="85" spans="1:3" s="7" customFormat="1" x14ac:dyDescent="0.25">
      <c r="A85" s="6">
        <v>84</v>
      </c>
      <c r="B85" s="7" t="s">
        <v>148</v>
      </c>
      <c r="C85" s="7" t="s">
        <v>149</v>
      </c>
    </row>
    <row r="86" spans="1:3" s="5" customFormat="1" x14ac:dyDescent="0.25">
      <c r="A86" s="4">
        <v>85</v>
      </c>
      <c r="B86" s="5" t="s">
        <v>150</v>
      </c>
      <c r="C86" s="5" t="s">
        <v>151</v>
      </c>
    </row>
    <row r="87" spans="1:3" s="7" customFormat="1" x14ac:dyDescent="0.25">
      <c r="A87" s="6">
        <v>86</v>
      </c>
      <c r="B87" s="7" t="s">
        <v>150</v>
      </c>
      <c r="C87" s="7" t="s">
        <v>152</v>
      </c>
    </row>
    <row r="88" spans="1:3" s="5" customFormat="1" x14ac:dyDescent="0.25">
      <c r="A88" s="4">
        <v>87</v>
      </c>
      <c r="B88" s="5" t="s">
        <v>153</v>
      </c>
      <c r="C88" s="5" t="s">
        <v>154</v>
      </c>
    </row>
    <row r="89" spans="1:3" s="7" customFormat="1" x14ac:dyDescent="0.25">
      <c r="A89" s="6">
        <v>88</v>
      </c>
      <c r="B89" s="7" t="s">
        <v>155</v>
      </c>
      <c r="C89" s="7" t="s">
        <v>156</v>
      </c>
    </row>
    <row r="90" spans="1:3" s="5" customFormat="1" x14ac:dyDescent="0.25">
      <c r="A90" s="4">
        <v>89</v>
      </c>
      <c r="B90" s="5" t="s">
        <v>157</v>
      </c>
      <c r="C90" s="5" t="s">
        <v>158</v>
      </c>
    </row>
    <row r="91" spans="1:3" s="7" customFormat="1" x14ac:dyDescent="0.25">
      <c r="A91" s="6">
        <v>90</v>
      </c>
      <c r="B91" s="7" t="s">
        <v>159</v>
      </c>
      <c r="C91" s="7" t="s">
        <v>160</v>
      </c>
    </row>
    <row r="92" spans="1:3" s="5" customFormat="1" x14ac:dyDescent="0.25">
      <c r="A92" s="4">
        <v>91</v>
      </c>
      <c r="B92" s="5" t="s">
        <v>161</v>
      </c>
      <c r="C92" s="5" t="s">
        <v>162</v>
      </c>
    </row>
    <row r="93" spans="1:3" s="7" customFormat="1" x14ac:dyDescent="0.25">
      <c r="A93" s="6">
        <v>92</v>
      </c>
      <c r="B93" s="7" t="s">
        <v>163</v>
      </c>
      <c r="C93" s="7" t="s">
        <v>164</v>
      </c>
    </row>
    <row r="94" spans="1:3" s="5" customFormat="1" x14ac:dyDescent="0.25">
      <c r="A94" s="4">
        <v>93</v>
      </c>
      <c r="B94" s="5" t="s">
        <v>163</v>
      </c>
      <c r="C94" s="5" t="s">
        <v>165</v>
      </c>
    </row>
    <row r="95" spans="1:3" s="7" customFormat="1" x14ac:dyDescent="0.25">
      <c r="A95" s="6">
        <v>94</v>
      </c>
      <c r="B95" s="7" t="s">
        <v>166</v>
      </c>
      <c r="C95" s="7" t="s">
        <v>167</v>
      </c>
    </row>
    <row r="96" spans="1:3" s="5" customFormat="1" x14ac:dyDescent="0.25">
      <c r="A96" s="4">
        <v>95</v>
      </c>
      <c r="B96" s="5" t="s">
        <v>168</v>
      </c>
      <c r="C96" s="5" t="s">
        <v>169</v>
      </c>
    </row>
    <row r="97" spans="1:3" s="7" customFormat="1" x14ac:dyDescent="0.25">
      <c r="A97" s="6">
        <v>96</v>
      </c>
      <c r="B97" s="7" t="s">
        <v>170</v>
      </c>
      <c r="C97" s="7" t="s">
        <v>171</v>
      </c>
    </row>
    <row r="98" spans="1:3" s="5" customFormat="1" x14ac:dyDescent="0.25">
      <c r="A98" s="4">
        <v>97</v>
      </c>
      <c r="B98" s="5" t="s">
        <v>172</v>
      </c>
      <c r="C98" s="5" t="s">
        <v>173</v>
      </c>
    </row>
    <row r="99" spans="1:3" s="7" customFormat="1" x14ac:dyDescent="0.25">
      <c r="A99" s="6">
        <v>98</v>
      </c>
      <c r="B99" s="7" t="s">
        <v>174</v>
      </c>
      <c r="C99" s="7" t="s">
        <v>175</v>
      </c>
    </row>
    <row r="100" spans="1:3" s="5" customFormat="1" x14ac:dyDescent="0.25">
      <c r="A100" s="4">
        <v>99</v>
      </c>
      <c r="B100" s="5" t="s">
        <v>176</v>
      </c>
      <c r="C100" s="5" t="s">
        <v>177</v>
      </c>
    </row>
    <row r="101" spans="1:3" s="7" customFormat="1" x14ac:dyDescent="0.25">
      <c r="A101" s="6">
        <v>100</v>
      </c>
      <c r="B101" s="7" t="s">
        <v>178</v>
      </c>
      <c r="C101" s="7" t="s">
        <v>179</v>
      </c>
    </row>
    <row r="102" spans="1:3" s="5" customFormat="1" x14ac:dyDescent="0.25">
      <c r="A102" s="4">
        <v>101</v>
      </c>
      <c r="B102" s="5" t="s">
        <v>180</v>
      </c>
      <c r="C102" s="5" t="s">
        <v>181</v>
      </c>
    </row>
    <row r="103" spans="1:3" s="7" customFormat="1" x14ac:dyDescent="0.25">
      <c r="A103" s="6">
        <v>102</v>
      </c>
      <c r="B103" s="7" t="s">
        <v>182</v>
      </c>
      <c r="C103" s="7" t="s">
        <v>183</v>
      </c>
    </row>
    <row r="104" spans="1:3" s="5" customFormat="1" x14ac:dyDescent="0.25">
      <c r="A104" s="4">
        <v>103</v>
      </c>
      <c r="B104" s="5" t="s">
        <v>184</v>
      </c>
      <c r="C104" s="5" t="s">
        <v>185</v>
      </c>
    </row>
    <row r="105" spans="1:3" s="7" customFormat="1" x14ac:dyDescent="0.25">
      <c r="A105" s="6">
        <v>104</v>
      </c>
      <c r="B105" s="7" t="s">
        <v>184</v>
      </c>
      <c r="C105" s="7" t="s">
        <v>186</v>
      </c>
    </row>
    <row r="106" spans="1:3" s="5" customFormat="1" x14ac:dyDescent="0.25">
      <c r="A106" s="4">
        <v>105</v>
      </c>
      <c r="B106" s="5" t="s">
        <v>187</v>
      </c>
      <c r="C106" s="5" t="s">
        <v>188</v>
      </c>
    </row>
    <row r="107" spans="1:3" s="7" customFormat="1" x14ac:dyDescent="0.25">
      <c r="A107" s="6">
        <v>106</v>
      </c>
      <c r="B107" s="7" t="s">
        <v>189</v>
      </c>
      <c r="C107" s="7" t="s">
        <v>190</v>
      </c>
    </row>
    <row r="108" spans="1:3" s="5" customFormat="1" x14ac:dyDescent="0.25">
      <c r="A108" s="4">
        <v>107</v>
      </c>
      <c r="B108" s="5" t="s">
        <v>191</v>
      </c>
      <c r="C108" s="5" t="s">
        <v>192</v>
      </c>
    </row>
    <row r="109" spans="1:3" s="7" customFormat="1" x14ac:dyDescent="0.25">
      <c r="A109" s="6">
        <v>108</v>
      </c>
      <c r="B109" s="7" t="s">
        <v>191</v>
      </c>
      <c r="C109" s="7" t="s">
        <v>193</v>
      </c>
    </row>
    <row r="110" spans="1:3" s="5" customFormat="1" x14ac:dyDescent="0.25">
      <c r="A110" s="4">
        <v>109</v>
      </c>
      <c r="B110" s="5" t="s">
        <v>191</v>
      </c>
      <c r="C110" s="5" t="s">
        <v>194</v>
      </c>
    </row>
    <row r="111" spans="1:3" s="7" customFormat="1" x14ac:dyDescent="0.25">
      <c r="A111" s="6">
        <v>110</v>
      </c>
      <c r="B111" s="7" t="s">
        <v>191</v>
      </c>
      <c r="C111" s="7" t="s">
        <v>195</v>
      </c>
    </row>
    <row r="112" spans="1:3" s="5" customFormat="1" x14ac:dyDescent="0.25">
      <c r="A112" s="4">
        <v>111</v>
      </c>
      <c r="B112" s="5" t="s">
        <v>196</v>
      </c>
      <c r="C112" s="5" t="s">
        <v>197</v>
      </c>
    </row>
    <row r="113" spans="1:3" s="7" customFormat="1" x14ac:dyDescent="0.25">
      <c r="A113" s="6">
        <v>112</v>
      </c>
      <c r="B113" s="7" t="s">
        <v>198</v>
      </c>
      <c r="C113" s="7" t="s">
        <v>199</v>
      </c>
    </row>
    <row r="114" spans="1:3" s="5" customFormat="1" x14ac:dyDescent="0.25">
      <c r="A114" s="4">
        <v>113</v>
      </c>
      <c r="B114" s="5" t="s">
        <v>198</v>
      </c>
      <c r="C114" s="5" t="s">
        <v>200</v>
      </c>
    </row>
    <row r="115" spans="1:3" s="7" customFormat="1" x14ac:dyDescent="0.25">
      <c r="A115" s="6">
        <v>114</v>
      </c>
      <c r="B115" s="7" t="s">
        <v>198</v>
      </c>
      <c r="C115" s="7" t="s">
        <v>201</v>
      </c>
    </row>
    <row r="116" spans="1:3" s="5" customFormat="1" x14ac:dyDescent="0.25">
      <c r="A116" s="4">
        <v>115</v>
      </c>
      <c r="B116" s="5" t="s">
        <v>202</v>
      </c>
      <c r="C116" s="5" t="s">
        <v>203</v>
      </c>
    </row>
    <row r="117" spans="1:3" s="7" customFormat="1" x14ac:dyDescent="0.25">
      <c r="A117" s="6">
        <v>116</v>
      </c>
      <c r="B117" s="7" t="s">
        <v>202</v>
      </c>
      <c r="C117" s="7" t="s">
        <v>204</v>
      </c>
    </row>
    <row r="118" spans="1:3" s="5" customFormat="1" x14ac:dyDescent="0.25">
      <c r="A118" s="4">
        <v>117</v>
      </c>
      <c r="B118" s="5" t="s">
        <v>205</v>
      </c>
      <c r="C118" s="5" t="s">
        <v>206</v>
      </c>
    </row>
    <row r="119" spans="1:3" s="7" customFormat="1" x14ac:dyDescent="0.25">
      <c r="A119" s="6">
        <v>118</v>
      </c>
      <c r="B119" s="7" t="s">
        <v>207</v>
      </c>
      <c r="C119" s="7" t="s">
        <v>208</v>
      </c>
    </row>
    <row r="120" spans="1:3" s="5" customFormat="1" x14ac:dyDescent="0.25">
      <c r="A120" s="4">
        <v>119</v>
      </c>
      <c r="B120" s="5" t="s">
        <v>209</v>
      </c>
      <c r="C120" s="5" t="s">
        <v>210</v>
      </c>
    </row>
    <row r="121" spans="1:3" s="7" customFormat="1" x14ac:dyDescent="0.25">
      <c r="A121" s="6">
        <v>120</v>
      </c>
      <c r="B121" s="7" t="s">
        <v>209</v>
      </c>
      <c r="C121" s="7" t="s">
        <v>211</v>
      </c>
    </row>
    <row r="122" spans="1:3" s="5" customFormat="1" x14ac:dyDescent="0.25">
      <c r="A122" s="4">
        <v>121</v>
      </c>
      <c r="B122" s="5" t="s">
        <v>212</v>
      </c>
      <c r="C122" s="5" t="s">
        <v>213</v>
      </c>
    </row>
    <row r="123" spans="1:3" s="7" customFormat="1" x14ac:dyDescent="0.25">
      <c r="A123" s="6">
        <v>122</v>
      </c>
      <c r="B123" s="7" t="s">
        <v>214</v>
      </c>
      <c r="C123" s="7" t="s">
        <v>215</v>
      </c>
    </row>
    <row r="124" spans="1:3" s="5" customFormat="1" x14ac:dyDescent="0.25">
      <c r="A124" s="4">
        <v>123</v>
      </c>
      <c r="B124" s="5" t="s">
        <v>216</v>
      </c>
      <c r="C124" s="5" t="s">
        <v>217</v>
      </c>
    </row>
    <row r="125" spans="1:3" s="7" customFormat="1" x14ac:dyDescent="0.25">
      <c r="A125" s="6">
        <v>124</v>
      </c>
      <c r="B125" s="7" t="s">
        <v>216</v>
      </c>
      <c r="C125" s="7" t="s">
        <v>218</v>
      </c>
    </row>
    <row r="126" spans="1:3" s="5" customFormat="1" x14ac:dyDescent="0.25">
      <c r="A126" s="4">
        <v>125</v>
      </c>
      <c r="B126" s="5" t="s">
        <v>219</v>
      </c>
      <c r="C126" s="5" t="s">
        <v>220</v>
      </c>
    </row>
    <row r="127" spans="1:3" s="7" customFormat="1" x14ac:dyDescent="0.25">
      <c r="A127" s="6">
        <v>126</v>
      </c>
      <c r="B127" s="7" t="s">
        <v>221</v>
      </c>
      <c r="C127" s="7" t="s">
        <v>222</v>
      </c>
    </row>
    <row r="128" spans="1:3" s="5" customFormat="1" x14ac:dyDescent="0.25">
      <c r="A128" s="4">
        <v>127</v>
      </c>
      <c r="B128" s="5" t="s">
        <v>223</v>
      </c>
      <c r="C128" s="5" t="s">
        <v>224</v>
      </c>
    </row>
    <row r="129" spans="1:3" s="7" customFormat="1" x14ac:dyDescent="0.25">
      <c r="A129" s="6">
        <v>128</v>
      </c>
      <c r="B129" s="7" t="s">
        <v>225</v>
      </c>
      <c r="C129" s="7" t="s">
        <v>226</v>
      </c>
    </row>
    <row r="130" spans="1:3" s="5" customFormat="1" x14ac:dyDescent="0.25">
      <c r="A130" s="4">
        <v>129</v>
      </c>
      <c r="B130" s="5" t="s">
        <v>227</v>
      </c>
      <c r="C130" s="5" t="s">
        <v>228</v>
      </c>
    </row>
    <row r="131" spans="1:3" s="7" customFormat="1" x14ac:dyDescent="0.25">
      <c r="A131" s="6">
        <v>130</v>
      </c>
      <c r="B131" s="7" t="s">
        <v>229</v>
      </c>
      <c r="C131" s="7" t="s">
        <v>230</v>
      </c>
    </row>
    <row r="132" spans="1:3" s="5" customFormat="1" x14ac:dyDescent="0.25">
      <c r="A132" s="4">
        <v>131</v>
      </c>
      <c r="B132" s="5" t="s">
        <v>231</v>
      </c>
      <c r="C132" s="5" t="s">
        <v>232</v>
      </c>
    </row>
    <row r="133" spans="1:3" s="7" customFormat="1" x14ac:dyDescent="0.25">
      <c r="A133" s="6">
        <v>132</v>
      </c>
      <c r="B133" s="7" t="s">
        <v>233</v>
      </c>
      <c r="C133" s="7" t="s">
        <v>234</v>
      </c>
    </row>
    <row r="134" spans="1:3" s="5" customFormat="1" x14ac:dyDescent="0.25">
      <c r="A134" s="4">
        <v>133</v>
      </c>
      <c r="B134" s="5" t="s">
        <v>235</v>
      </c>
      <c r="C134" s="5" t="s">
        <v>236</v>
      </c>
    </row>
    <row r="135" spans="1:3" s="7" customFormat="1" x14ac:dyDescent="0.25">
      <c r="A135" s="6">
        <v>134</v>
      </c>
      <c r="B135" s="7" t="s">
        <v>237</v>
      </c>
      <c r="C135" s="7" t="s">
        <v>238</v>
      </c>
    </row>
    <row r="136" spans="1:3" s="5" customFormat="1" x14ac:dyDescent="0.25">
      <c r="A136" s="4">
        <v>135</v>
      </c>
      <c r="B136" s="5" t="s">
        <v>239</v>
      </c>
      <c r="C136" s="5" t="s">
        <v>240</v>
      </c>
    </row>
    <row r="137" spans="1:3" s="7" customFormat="1" x14ac:dyDescent="0.25">
      <c r="A137" s="6">
        <v>136</v>
      </c>
      <c r="B137" s="7" t="s">
        <v>241</v>
      </c>
      <c r="C137" s="7" t="s">
        <v>242</v>
      </c>
    </row>
    <row r="138" spans="1:3" s="5" customFormat="1" x14ac:dyDescent="0.25">
      <c r="A138" s="4">
        <v>137</v>
      </c>
      <c r="B138" s="5" t="s">
        <v>243</v>
      </c>
      <c r="C138" s="5" t="s">
        <v>244</v>
      </c>
    </row>
    <row r="139" spans="1:3" s="7" customFormat="1" x14ac:dyDescent="0.25">
      <c r="A139" s="6">
        <v>138</v>
      </c>
      <c r="B139" s="7" t="s">
        <v>243</v>
      </c>
      <c r="C139" s="7" t="s">
        <v>245</v>
      </c>
    </row>
    <row r="140" spans="1:3" s="5" customFormat="1" x14ac:dyDescent="0.25">
      <c r="A140" s="4">
        <v>139</v>
      </c>
      <c r="B140" s="5" t="s">
        <v>243</v>
      </c>
      <c r="C140" s="5" t="s">
        <v>246</v>
      </c>
    </row>
    <row r="141" spans="1:3" s="7" customFormat="1" x14ac:dyDescent="0.25">
      <c r="A141" s="6">
        <v>140</v>
      </c>
      <c r="B141" s="7" t="s">
        <v>247</v>
      </c>
      <c r="C141" s="7" t="s">
        <v>248</v>
      </c>
    </row>
    <row r="142" spans="1:3" s="5" customFormat="1" x14ac:dyDescent="0.25">
      <c r="A142" s="4">
        <v>141</v>
      </c>
      <c r="B142" s="5" t="s">
        <v>249</v>
      </c>
      <c r="C142" s="5" t="s">
        <v>250</v>
      </c>
    </row>
    <row r="143" spans="1:3" s="7" customFormat="1" x14ac:dyDescent="0.25">
      <c r="A143" s="6">
        <v>142</v>
      </c>
      <c r="B143" s="7" t="s">
        <v>251</v>
      </c>
      <c r="C143" s="7" t="s">
        <v>252</v>
      </c>
    </row>
    <row r="144" spans="1:3" s="5" customFormat="1" x14ac:dyDescent="0.25">
      <c r="A144" s="4">
        <v>143</v>
      </c>
      <c r="B144" s="5" t="s">
        <v>253</v>
      </c>
      <c r="C144" s="5" t="s">
        <v>254</v>
      </c>
    </row>
    <row r="145" spans="1:3" s="7" customFormat="1" x14ac:dyDescent="0.25">
      <c r="A145" s="6">
        <v>144</v>
      </c>
      <c r="B145" s="7" t="s">
        <v>255</v>
      </c>
      <c r="C145" s="7" t="s">
        <v>256</v>
      </c>
    </row>
    <row r="146" spans="1:3" s="5" customFormat="1" x14ac:dyDescent="0.25">
      <c r="A146" s="4">
        <v>145</v>
      </c>
      <c r="B146" s="5" t="s">
        <v>257</v>
      </c>
      <c r="C146" s="5" t="s">
        <v>258</v>
      </c>
    </row>
    <row r="147" spans="1:3" s="7" customFormat="1" x14ac:dyDescent="0.25">
      <c r="A147" s="6">
        <v>146</v>
      </c>
      <c r="B147" s="7" t="s">
        <v>259</v>
      </c>
      <c r="C147" s="7" t="s">
        <v>260</v>
      </c>
    </row>
    <row r="148" spans="1:3" s="5" customFormat="1" x14ac:dyDescent="0.25">
      <c r="A148" s="4">
        <v>147</v>
      </c>
      <c r="B148" s="5" t="s">
        <v>261</v>
      </c>
      <c r="C148" s="5" t="s">
        <v>262</v>
      </c>
    </row>
    <row r="149" spans="1:3" s="7" customFormat="1" x14ac:dyDescent="0.25">
      <c r="A149" s="6">
        <v>148</v>
      </c>
      <c r="B149" s="7" t="s">
        <v>261</v>
      </c>
      <c r="C149" s="7" t="s">
        <v>263</v>
      </c>
    </row>
    <row r="150" spans="1:3" s="5" customFormat="1" x14ac:dyDescent="0.25">
      <c r="A150" s="4">
        <v>149</v>
      </c>
      <c r="B150" s="5" t="s">
        <v>264</v>
      </c>
      <c r="C150" s="5" t="s">
        <v>265</v>
      </c>
    </row>
    <row r="151" spans="1:3" s="7" customFormat="1" x14ac:dyDescent="0.25">
      <c r="A151" s="6">
        <v>150</v>
      </c>
      <c r="B151" s="7" t="s">
        <v>266</v>
      </c>
      <c r="C151" s="7" t="s">
        <v>267</v>
      </c>
    </row>
    <row r="152" spans="1:3" s="5" customFormat="1" x14ac:dyDescent="0.25">
      <c r="A152" s="4">
        <v>151</v>
      </c>
      <c r="B152" s="5" t="s">
        <v>268</v>
      </c>
      <c r="C152" s="5" t="s">
        <v>269</v>
      </c>
    </row>
    <row r="153" spans="1:3" s="7" customFormat="1" x14ac:dyDescent="0.25">
      <c r="A153" s="6">
        <v>152</v>
      </c>
      <c r="B153" s="7" t="s">
        <v>270</v>
      </c>
      <c r="C153" s="7" t="s">
        <v>271</v>
      </c>
    </row>
    <row r="154" spans="1:3" s="5" customFormat="1" x14ac:dyDescent="0.25">
      <c r="A154" s="4">
        <v>153</v>
      </c>
      <c r="B154" s="5" t="s">
        <v>272</v>
      </c>
      <c r="C154" s="5" t="s">
        <v>273</v>
      </c>
    </row>
    <row r="155" spans="1:3" s="7" customFormat="1" x14ac:dyDescent="0.25">
      <c r="A155" s="6">
        <v>154</v>
      </c>
      <c r="B155" s="7" t="s">
        <v>274</v>
      </c>
      <c r="C155" s="7" t="s">
        <v>275</v>
      </c>
    </row>
    <row r="156" spans="1:3" s="5" customFormat="1" x14ac:dyDescent="0.25">
      <c r="A156" s="4">
        <v>155</v>
      </c>
      <c r="B156" s="5" t="s">
        <v>276</v>
      </c>
      <c r="C156" s="5" t="s">
        <v>277</v>
      </c>
    </row>
    <row r="157" spans="1:3" s="7" customFormat="1" x14ac:dyDescent="0.25">
      <c r="A157" s="6">
        <v>156</v>
      </c>
      <c r="B157" s="7" t="s">
        <v>278</v>
      </c>
      <c r="C157" s="7" t="s">
        <v>279</v>
      </c>
    </row>
    <row r="158" spans="1:3" s="5" customFormat="1" x14ac:dyDescent="0.25">
      <c r="A158" s="4">
        <v>157</v>
      </c>
      <c r="B158" s="5" t="s">
        <v>280</v>
      </c>
      <c r="C158" s="5" t="s">
        <v>281</v>
      </c>
    </row>
    <row r="159" spans="1:3" s="7" customFormat="1" x14ac:dyDescent="0.25">
      <c r="A159" s="6">
        <v>158</v>
      </c>
      <c r="B159" s="7" t="s">
        <v>282</v>
      </c>
      <c r="C159" s="7" t="s">
        <v>283</v>
      </c>
    </row>
    <row r="160" spans="1:3" s="5" customFormat="1" x14ac:dyDescent="0.25">
      <c r="A160" s="4">
        <v>159</v>
      </c>
      <c r="B160" s="5" t="s">
        <v>282</v>
      </c>
      <c r="C160" s="5" t="s">
        <v>284</v>
      </c>
    </row>
    <row r="161" spans="1:3" s="7" customFormat="1" x14ac:dyDescent="0.25">
      <c r="A161" s="6">
        <v>160</v>
      </c>
      <c r="B161" s="7" t="s">
        <v>285</v>
      </c>
      <c r="C161" s="7" t="s">
        <v>286</v>
      </c>
    </row>
    <row r="162" spans="1:3" s="5" customFormat="1" x14ac:dyDescent="0.25">
      <c r="A162" s="4">
        <v>161</v>
      </c>
      <c r="B162" s="5" t="s">
        <v>287</v>
      </c>
      <c r="C162" s="5" t="s">
        <v>288</v>
      </c>
    </row>
    <row r="163" spans="1:3" s="7" customFormat="1" x14ac:dyDescent="0.25">
      <c r="A163" s="6">
        <v>162</v>
      </c>
      <c r="B163" s="7" t="s">
        <v>287</v>
      </c>
      <c r="C163" s="7" t="s">
        <v>289</v>
      </c>
    </row>
    <row r="164" spans="1:3" s="5" customFormat="1" x14ac:dyDescent="0.25">
      <c r="A164" s="4">
        <v>163</v>
      </c>
      <c r="B164" s="5" t="s">
        <v>290</v>
      </c>
      <c r="C164" s="5" t="s">
        <v>291</v>
      </c>
    </row>
    <row r="165" spans="1:3" s="7" customFormat="1" x14ac:dyDescent="0.25">
      <c r="A165" s="6">
        <v>164</v>
      </c>
      <c r="B165" s="7" t="s">
        <v>292</v>
      </c>
      <c r="C165" s="7" t="s">
        <v>293</v>
      </c>
    </row>
    <row r="166" spans="1:3" s="5" customFormat="1" x14ac:dyDescent="0.25">
      <c r="A166" s="4">
        <v>165</v>
      </c>
      <c r="B166" s="5" t="s">
        <v>294</v>
      </c>
      <c r="C166" s="5" t="s">
        <v>295</v>
      </c>
    </row>
    <row r="167" spans="1:3" s="7" customFormat="1" x14ac:dyDescent="0.25">
      <c r="A167" s="6">
        <v>166</v>
      </c>
      <c r="B167" s="7" t="s">
        <v>296</v>
      </c>
      <c r="C167" s="7" t="s">
        <v>297</v>
      </c>
    </row>
    <row r="168" spans="1:3" s="5" customFormat="1" x14ac:dyDescent="0.25">
      <c r="A168" s="4">
        <v>167</v>
      </c>
      <c r="B168" s="5" t="s">
        <v>298</v>
      </c>
      <c r="C168" s="5" t="s">
        <v>299</v>
      </c>
    </row>
    <row r="169" spans="1:3" s="7" customFormat="1" x14ac:dyDescent="0.25">
      <c r="A169" s="6">
        <v>168</v>
      </c>
      <c r="B169" s="7" t="s">
        <v>300</v>
      </c>
      <c r="C169" s="7" t="s">
        <v>301</v>
      </c>
    </row>
    <row r="170" spans="1:3" s="5" customFormat="1" x14ac:dyDescent="0.25">
      <c r="A170" s="4">
        <v>169</v>
      </c>
      <c r="B170" s="5" t="s">
        <v>302</v>
      </c>
      <c r="C170" s="5" t="s">
        <v>303</v>
      </c>
    </row>
    <row r="171" spans="1:3" s="7" customFormat="1" x14ac:dyDescent="0.25">
      <c r="A171" s="6">
        <v>170</v>
      </c>
      <c r="B171" s="7" t="s">
        <v>304</v>
      </c>
      <c r="C171" s="7" t="s">
        <v>305</v>
      </c>
    </row>
    <row r="172" spans="1:3" s="5" customFormat="1" x14ac:dyDescent="0.25">
      <c r="A172" s="4">
        <v>171</v>
      </c>
      <c r="B172" s="5" t="s">
        <v>306</v>
      </c>
      <c r="C172" s="5" t="s">
        <v>307</v>
      </c>
    </row>
    <row r="173" spans="1:3" s="7" customFormat="1" x14ac:dyDescent="0.25">
      <c r="A173" s="6">
        <v>172</v>
      </c>
      <c r="B173" s="7" t="s">
        <v>306</v>
      </c>
      <c r="C173" s="7" t="s">
        <v>308</v>
      </c>
    </row>
    <row r="174" spans="1:3" s="5" customFormat="1" x14ac:dyDescent="0.25">
      <c r="A174" s="4">
        <v>173</v>
      </c>
      <c r="B174" s="5" t="s">
        <v>309</v>
      </c>
      <c r="C174" s="5" t="s">
        <v>310</v>
      </c>
    </row>
    <row r="175" spans="1:3" s="7" customFormat="1" x14ac:dyDescent="0.25">
      <c r="A175" s="6">
        <v>174</v>
      </c>
      <c r="B175" s="7" t="s">
        <v>311</v>
      </c>
      <c r="C175" s="7" t="s">
        <v>312</v>
      </c>
    </row>
    <row r="176" spans="1:3" s="5" customFormat="1" x14ac:dyDescent="0.25">
      <c r="A176" s="4">
        <v>175</v>
      </c>
      <c r="B176" s="5" t="s">
        <v>313</v>
      </c>
      <c r="C176" s="5" t="s">
        <v>314</v>
      </c>
    </row>
    <row r="177" spans="1:3" s="7" customFormat="1" x14ac:dyDescent="0.25">
      <c r="A177" s="6">
        <v>176</v>
      </c>
      <c r="B177" s="7" t="s">
        <v>313</v>
      </c>
      <c r="C177" s="7" t="s">
        <v>315</v>
      </c>
    </row>
    <row r="178" spans="1:3" s="5" customFormat="1" x14ac:dyDescent="0.25">
      <c r="A178" s="4">
        <v>177</v>
      </c>
      <c r="B178" s="5" t="s">
        <v>313</v>
      </c>
      <c r="C178" s="5" t="s">
        <v>316</v>
      </c>
    </row>
    <row r="179" spans="1:3" s="7" customFormat="1" x14ac:dyDescent="0.25">
      <c r="A179" s="6">
        <v>178</v>
      </c>
      <c r="B179" s="7" t="s">
        <v>317</v>
      </c>
      <c r="C179" s="7" t="s">
        <v>318</v>
      </c>
    </row>
    <row r="180" spans="1:3" s="5" customFormat="1" x14ac:dyDescent="0.25">
      <c r="A180" s="4">
        <v>179</v>
      </c>
      <c r="B180" s="5" t="s">
        <v>319</v>
      </c>
      <c r="C180" s="5" t="s">
        <v>320</v>
      </c>
    </row>
    <row r="181" spans="1:3" s="7" customFormat="1" x14ac:dyDescent="0.25">
      <c r="A181" s="6">
        <v>180</v>
      </c>
      <c r="B181" s="7" t="s">
        <v>319</v>
      </c>
      <c r="C181" s="7" t="s">
        <v>321</v>
      </c>
    </row>
    <row r="182" spans="1:3" s="5" customFormat="1" x14ac:dyDescent="0.25">
      <c r="A182" s="4">
        <v>181</v>
      </c>
      <c r="B182" s="5" t="s">
        <v>322</v>
      </c>
      <c r="C182" s="5" t="s">
        <v>323</v>
      </c>
    </row>
    <row r="183" spans="1:3" s="7" customFormat="1" x14ac:dyDescent="0.25">
      <c r="A183" s="6">
        <v>182</v>
      </c>
      <c r="B183" s="7" t="s">
        <v>324</v>
      </c>
      <c r="C183" s="7" t="s">
        <v>325</v>
      </c>
    </row>
    <row r="184" spans="1:3" s="5" customFormat="1" x14ac:dyDescent="0.25">
      <c r="A184" s="4">
        <v>183</v>
      </c>
      <c r="B184" s="5" t="s">
        <v>326</v>
      </c>
      <c r="C184" s="5" t="s">
        <v>327</v>
      </c>
    </row>
    <row r="185" spans="1:3" s="7" customFormat="1" x14ac:dyDescent="0.25">
      <c r="A185" s="6">
        <v>184</v>
      </c>
      <c r="B185" s="7" t="s">
        <v>328</v>
      </c>
      <c r="C185" s="7" t="s">
        <v>329</v>
      </c>
    </row>
    <row r="186" spans="1:3" s="5" customFormat="1" x14ac:dyDescent="0.25">
      <c r="A186" s="4">
        <v>185</v>
      </c>
      <c r="B186" s="5" t="s">
        <v>328</v>
      </c>
      <c r="C186" s="5" t="s">
        <v>330</v>
      </c>
    </row>
    <row r="187" spans="1:3" s="7" customFormat="1" x14ac:dyDescent="0.25">
      <c r="A187" s="6">
        <v>186</v>
      </c>
      <c r="B187" s="7" t="s">
        <v>328</v>
      </c>
      <c r="C187" s="7" t="s">
        <v>331</v>
      </c>
    </row>
    <row r="188" spans="1:3" s="5" customFormat="1" x14ac:dyDescent="0.25">
      <c r="A188" s="4">
        <v>187</v>
      </c>
      <c r="B188" s="5" t="s">
        <v>328</v>
      </c>
      <c r="C188" s="5" t="s">
        <v>332</v>
      </c>
    </row>
    <row r="189" spans="1:3" s="7" customFormat="1" x14ac:dyDescent="0.25">
      <c r="A189" s="6">
        <v>188</v>
      </c>
      <c r="B189" s="7" t="s">
        <v>333</v>
      </c>
      <c r="C189" s="7" t="s">
        <v>334</v>
      </c>
    </row>
    <row r="190" spans="1:3" s="5" customFormat="1" x14ac:dyDescent="0.25">
      <c r="A190" s="4">
        <v>189</v>
      </c>
      <c r="B190" s="5" t="s">
        <v>335</v>
      </c>
      <c r="C190" s="5" t="s">
        <v>336</v>
      </c>
    </row>
    <row r="191" spans="1:3" s="7" customFormat="1" x14ac:dyDescent="0.25">
      <c r="A191" s="6">
        <v>190</v>
      </c>
      <c r="B191" s="7" t="s">
        <v>337</v>
      </c>
      <c r="C191" s="7" t="s">
        <v>338</v>
      </c>
    </row>
    <row r="192" spans="1:3" s="5" customFormat="1" x14ac:dyDescent="0.25">
      <c r="A192" s="4">
        <v>191</v>
      </c>
      <c r="B192" s="5" t="s">
        <v>337</v>
      </c>
      <c r="C192" s="5" t="s">
        <v>339</v>
      </c>
    </row>
    <row r="193" spans="1:3" s="7" customFormat="1" x14ac:dyDescent="0.25">
      <c r="A193" s="6">
        <v>192</v>
      </c>
      <c r="B193" s="7" t="s">
        <v>337</v>
      </c>
      <c r="C193" s="7" t="s">
        <v>340</v>
      </c>
    </row>
    <row r="194" spans="1:3" s="5" customFormat="1" x14ac:dyDescent="0.25">
      <c r="A194" s="4">
        <v>193</v>
      </c>
      <c r="B194" s="5" t="s">
        <v>337</v>
      </c>
      <c r="C194" s="5" t="s">
        <v>341</v>
      </c>
    </row>
    <row r="195" spans="1:3" s="7" customFormat="1" x14ac:dyDescent="0.25">
      <c r="A195" s="6">
        <v>194</v>
      </c>
      <c r="B195" s="7" t="s">
        <v>342</v>
      </c>
      <c r="C195" s="7" t="s">
        <v>343</v>
      </c>
    </row>
    <row r="196" spans="1:3" s="5" customFormat="1" x14ac:dyDescent="0.25">
      <c r="A196" s="4">
        <v>195</v>
      </c>
      <c r="B196" s="5" t="s">
        <v>344</v>
      </c>
      <c r="C196" s="5" t="s">
        <v>345</v>
      </c>
    </row>
    <row r="197" spans="1:3" s="7" customFormat="1" x14ac:dyDescent="0.25">
      <c r="A197" s="6">
        <v>196</v>
      </c>
      <c r="B197" s="7" t="s">
        <v>346</v>
      </c>
      <c r="C197" s="7" t="s">
        <v>347</v>
      </c>
    </row>
    <row r="198" spans="1:3" s="5" customFormat="1" x14ac:dyDescent="0.25">
      <c r="A198" s="4">
        <v>197</v>
      </c>
      <c r="B198" s="5" t="s">
        <v>348</v>
      </c>
      <c r="C198" s="5" t="s">
        <v>349</v>
      </c>
    </row>
    <row r="199" spans="1:3" s="7" customFormat="1" x14ac:dyDescent="0.25">
      <c r="A199" s="6">
        <v>198</v>
      </c>
      <c r="B199" s="7" t="s">
        <v>350</v>
      </c>
      <c r="C199" s="7" t="s">
        <v>351</v>
      </c>
    </row>
    <row r="200" spans="1:3" s="5" customFormat="1" x14ac:dyDescent="0.25">
      <c r="A200" s="4">
        <v>199</v>
      </c>
      <c r="B200" s="5" t="s">
        <v>352</v>
      </c>
      <c r="C200" s="5" t="s">
        <v>353</v>
      </c>
    </row>
    <row r="201" spans="1:3" s="7" customFormat="1" x14ac:dyDescent="0.25">
      <c r="A201" s="6">
        <v>200</v>
      </c>
      <c r="B201" s="7" t="s">
        <v>354</v>
      </c>
      <c r="C201" s="7" t="s">
        <v>355</v>
      </c>
    </row>
    <row r="202" spans="1:3" s="5" customFormat="1" x14ac:dyDescent="0.25">
      <c r="A202" s="4">
        <v>201</v>
      </c>
      <c r="B202" s="5" t="s">
        <v>356</v>
      </c>
      <c r="C202" s="5" t="s">
        <v>357</v>
      </c>
    </row>
    <row r="203" spans="1:3" s="7" customFormat="1" x14ac:dyDescent="0.25">
      <c r="A203" s="6">
        <v>202</v>
      </c>
      <c r="B203" s="7" t="s">
        <v>358</v>
      </c>
      <c r="C203" s="7" t="s">
        <v>359</v>
      </c>
    </row>
    <row r="204" spans="1:3" s="5" customFormat="1" x14ac:dyDescent="0.25">
      <c r="A204" s="4">
        <v>203</v>
      </c>
      <c r="B204" s="5" t="s">
        <v>360</v>
      </c>
      <c r="C204" s="5" t="s">
        <v>361</v>
      </c>
    </row>
    <row r="205" spans="1:3" s="7" customFormat="1" x14ac:dyDescent="0.25">
      <c r="A205" s="6">
        <v>204</v>
      </c>
      <c r="B205" s="7" t="s">
        <v>360</v>
      </c>
      <c r="C205" s="7" t="s">
        <v>362</v>
      </c>
    </row>
    <row r="206" spans="1:3" s="5" customFormat="1" x14ac:dyDescent="0.25">
      <c r="A206" s="4">
        <v>205</v>
      </c>
      <c r="B206" s="5" t="s">
        <v>360</v>
      </c>
      <c r="C206" s="5" t="s">
        <v>363</v>
      </c>
    </row>
    <row r="207" spans="1:3" s="7" customFormat="1" x14ac:dyDescent="0.25">
      <c r="A207" s="6">
        <v>206</v>
      </c>
      <c r="B207" s="7" t="s">
        <v>364</v>
      </c>
      <c r="C207" s="7" t="s">
        <v>365</v>
      </c>
    </row>
    <row r="208" spans="1:3" s="5" customFormat="1" x14ac:dyDescent="0.25">
      <c r="A208" s="4">
        <v>207</v>
      </c>
      <c r="B208" s="5" t="s">
        <v>366</v>
      </c>
      <c r="C208" s="5" t="s">
        <v>367</v>
      </c>
    </row>
    <row r="209" spans="1:3" s="7" customFormat="1" x14ac:dyDescent="0.25">
      <c r="A209" s="6">
        <v>208</v>
      </c>
      <c r="B209" s="7" t="s">
        <v>368</v>
      </c>
      <c r="C209" s="7" t="s">
        <v>369</v>
      </c>
    </row>
    <row r="210" spans="1:3" s="5" customFormat="1" x14ac:dyDescent="0.25">
      <c r="A210" s="4">
        <v>209</v>
      </c>
      <c r="B210" s="5" t="s">
        <v>370</v>
      </c>
      <c r="C210" s="5" t="s">
        <v>371</v>
      </c>
    </row>
    <row r="211" spans="1:3" s="7" customFormat="1" x14ac:dyDescent="0.25">
      <c r="A211" s="6">
        <v>210</v>
      </c>
      <c r="B211" s="7" t="s">
        <v>372</v>
      </c>
      <c r="C211" s="7" t="s">
        <v>373</v>
      </c>
    </row>
    <row r="212" spans="1:3" s="5" customFormat="1" x14ac:dyDescent="0.25">
      <c r="A212" s="4">
        <v>211</v>
      </c>
      <c r="B212" s="5" t="s">
        <v>374</v>
      </c>
      <c r="C212" s="5" t="s">
        <v>375</v>
      </c>
    </row>
    <row r="213" spans="1:3" s="7" customFormat="1" x14ac:dyDescent="0.25">
      <c r="A213" s="6">
        <v>212</v>
      </c>
      <c r="B213" s="7" t="s">
        <v>376</v>
      </c>
      <c r="C213" s="7" t="s">
        <v>377</v>
      </c>
    </row>
    <row r="214" spans="1:3" s="5" customFormat="1" x14ac:dyDescent="0.25">
      <c r="A214" s="4">
        <v>213</v>
      </c>
      <c r="B214" s="5" t="s">
        <v>378</v>
      </c>
      <c r="C214" s="5" t="s">
        <v>379</v>
      </c>
    </row>
    <row r="215" spans="1:3" s="7" customFormat="1" x14ac:dyDescent="0.25">
      <c r="A215" s="6">
        <v>214</v>
      </c>
      <c r="B215" s="7" t="s">
        <v>380</v>
      </c>
      <c r="C215" s="7" t="s">
        <v>381</v>
      </c>
    </row>
    <row r="216" spans="1:3" s="5" customFormat="1" x14ac:dyDescent="0.25">
      <c r="A216" s="4">
        <v>215</v>
      </c>
      <c r="B216" s="5" t="s">
        <v>382</v>
      </c>
      <c r="C216" s="5" t="s">
        <v>383</v>
      </c>
    </row>
    <row r="217" spans="1:3" s="7" customFormat="1" x14ac:dyDescent="0.25">
      <c r="A217" s="6">
        <v>216</v>
      </c>
      <c r="B217" s="7" t="s">
        <v>384</v>
      </c>
      <c r="C217" s="7" t="s">
        <v>385</v>
      </c>
    </row>
    <row r="218" spans="1:3" s="5" customFormat="1" x14ac:dyDescent="0.25">
      <c r="A218" s="4">
        <v>217</v>
      </c>
      <c r="B218" s="5" t="s">
        <v>384</v>
      </c>
      <c r="C218" s="5" t="s">
        <v>386</v>
      </c>
    </row>
    <row r="219" spans="1:3" s="7" customFormat="1" x14ac:dyDescent="0.25">
      <c r="A219" s="6">
        <v>218</v>
      </c>
      <c r="B219" s="7" t="s">
        <v>387</v>
      </c>
      <c r="C219" s="7" t="s">
        <v>388</v>
      </c>
    </row>
    <row r="220" spans="1:3" s="5" customFormat="1" x14ac:dyDescent="0.25">
      <c r="A220" s="4">
        <v>219</v>
      </c>
      <c r="B220" s="5" t="s">
        <v>389</v>
      </c>
      <c r="C220" s="5" t="s">
        <v>390</v>
      </c>
    </row>
    <row r="221" spans="1:3" s="7" customFormat="1" x14ac:dyDescent="0.25">
      <c r="A221" s="6">
        <v>220</v>
      </c>
      <c r="B221" s="7" t="s">
        <v>391</v>
      </c>
      <c r="C221" s="7" t="s">
        <v>392</v>
      </c>
    </row>
    <row r="222" spans="1:3" s="5" customFormat="1" x14ac:dyDescent="0.25">
      <c r="A222" s="4">
        <v>221</v>
      </c>
      <c r="B222" s="5" t="s">
        <v>391</v>
      </c>
      <c r="C222" s="5" t="s">
        <v>393</v>
      </c>
    </row>
    <row r="223" spans="1:3" s="7" customFormat="1" x14ac:dyDescent="0.25">
      <c r="A223" s="6">
        <v>222</v>
      </c>
      <c r="B223" s="7" t="s">
        <v>394</v>
      </c>
      <c r="C223" s="7" t="s">
        <v>395</v>
      </c>
    </row>
    <row r="224" spans="1:3" s="5" customFormat="1" x14ac:dyDescent="0.25">
      <c r="A224" s="4">
        <v>223</v>
      </c>
      <c r="B224" s="5" t="s">
        <v>396</v>
      </c>
      <c r="C224" s="5" t="s">
        <v>397</v>
      </c>
    </row>
    <row r="225" spans="1:3" s="7" customFormat="1" x14ac:dyDescent="0.25">
      <c r="A225" s="6">
        <v>224</v>
      </c>
      <c r="B225" s="7" t="s">
        <v>398</v>
      </c>
      <c r="C225" s="7" t="s">
        <v>399</v>
      </c>
    </row>
    <row r="226" spans="1:3" s="5" customFormat="1" x14ac:dyDescent="0.25">
      <c r="A226" s="4">
        <v>225</v>
      </c>
      <c r="B226" s="5" t="s">
        <v>400</v>
      </c>
      <c r="C226" s="5" t="s">
        <v>401</v>
      </c>
    </row>
    <row r="227" spans="1:3" s="7" customFormat="1" x14ac:dyDescent="0.25">
      <c r="A227" s="6">
        <v>226</v>
      </c>
      <c r="B227" s="7" t="s">
        <v>402</v>
      </c>
      <c r="C227" s="7" t="s">
        <v>403</v>
      </c>
    </row>
    <row r="228" spans="1:3" s="5" customFormat="1" x14ac:dyDescent="0.25">
      <c r="A228" s="4">
        <v>227</v>
      </c>
      <c r="B228" s="5" t="s">
        <v>404</v>
      </c>
      <c r="C228" s="5" t="s">
        <v>405</v>
      </c>
    </row>
    <row r="229" spans="1:3" s="7" customFormat="1" x14ac:dyDescent="0.25">
      <c r="A229" s="6">
        <v>228</v>
      </c>
      <c r="B229" s="7" t="s">
        <v>406</v>
      </c>
      <c r="C229" s="7" t="s">
        <v>407</v>
      </c>
    </row>
    <row r="230" spans="1:3" s="5" customFormat="1" x14ac:dyDescent="0.25">
      <c r="A230" s="4">
        <v>229</v>
      </c>
      <c r="B230" s="5" t="s">
        <v>408</v>
      </c>
      <c r="C230" s="5" t="s">
        <v>409</v>
      </c>
    </row>
    <row r="231" spans="1:3" s="7" customFormat="1" x14ac:dyDescent="0.25">
      <c r="A231" s="6">
        <v>230</v>
      </c>
      <c r="B231" s="7" t="s">
        <v>410</v>
      </c>
      <c r="C231" s="7" t="s">
        <v>411</v>
      </c>
    </row>
    <row r="232" spans="1:3" s="5" customFormat="1" x14ac:dyDescent="0.25">
      <c r="A232" s="4">
        <v>231</v>
      </c>
      <c r="B232" s="5" t="s">
        <v>412</v>
      </c>
      <c r="C232" s="5" t="s">
        <v>413</v>
      </c>
    </row>
    <row r="233" spans="1:3" s="7" customFormat="1" x14ac:dyDescent="0.25">
      <c r="A233" s="6">
        <v>232</v>
      </c>
      <c r="B233" s="7" t="s">
        <v>414</v>
      </c>
      <c r="C233" s="7" t="s">
        <v>415</v>
      </c>
    </row>
    <row r="234" spans="1:3" s="5" customFormat="1" x14ac:dyDescent="0.25">
      <c r="A234" s="4">
        <v>233</v>
      </c>
      <c r="B234" s="5" t="s">
        <v>416</v>
      </c>
      <c r="C234" s="5" t="s">
        <v>417</v>
      </c>
    </row>
    <row r="235" spans="1:3" s="7" customFormat="1" x14ac:dyDescent="0.25">
      <c r="A235" s="6">
        <v>234</v>
      </c>
      <c r="B235" s="7" t="s">
        <v>418</v>
      </c>
      <c r="C235" s="7" t="s">
        <v>419</v>
      </c>
    </row>
    <row r="236" spans="1:3" s="5" customFormat="1" x14ac:dyDescent="0.25">
      <c r="A236" s="4">
        <v>235</v>
      </c>
      <c r="B236" s="5" t="s">
        <v>420</v>
      </c>
      <c r="C236" s="5" t="s">
        <v>421</v>
      </c>
    </row>
    <row r="237" spans="1:3" s="7" customFormat="1" x14ac:dyDescent="0.25">
      <c r="A237" s="6">
        <v>236</v>
      </c>
      <c r="B237" s="7" t="s">
        <v>422</v>
      </c>
      <c r="C237" s="7" t="s">
        <v>423</v>
      </c>
    </row>
    <row r="238" spans="1:3" s="5" customFormat="1" x14ac:dyDescent="0.25">
      <c r="A238" s="4">
        <v>237</v>
      </c>
      <c r="B238" s="5" t="s">
        <v>424</v>
      </c>
      <c r="C238" s="5" t="s">
        <v>425</v>
      </c>
    </row>
    <row r="239" spans="1:3" s="7" customFormat="1" x14ac:dyDescent="0.25">
      <c r="A239" s="6">
        <v>238</v>
      </c>
      <c r="B239" s="7" t="s">
        <v>426</v>
      </c>
      <c r="C239" s="7" t="s">
        <v>427</v>
      </c>
    </row>
    <row r="240" spans="1:3" s="5" customFormat="1" x14ac:dyDescent="0.25">
      <c r="A240" s="4">
        <v>239</v>
      </c>
      <c r="B240" s="5" t="s">
        <v>428</v>
      </c>
      <c r="C240" s="5" t="s">
        <v>429</v>
      </c>
    </row>
    <row r="241" spans="1:3" s="7" customFormat="1" x14ac:dyDescent="0.25">
      <c r="A241" s="6">
        <v>240</v>
      </c>
      <c r="B241" s="7" t="s">
        <v>430</v>
      </c>
      <c r="C241" s="7" t="s">
        <v>431</v>
      </c>
    </row>
    <row r="242" spans="1:3" s="5" customFormat="1" x14ac:dyDescent="0.25">
      <c r="A242" s="4">
        <v>241</v>
      </c>
      <c r="B242" s="5" t="s">
        <v>432</v>
      </c>
      <c r="C242" s="5" t="s">
        <v>433</v>
      </c>
    </row>
    <row r="243" spans="1:3" s="7" customFormat="1" x14ac:dyDescent="0.25">
      <c r="A243" s="6">
        <v>242</v>
      </c>
      <c r="B243" s="7" t="s">
        <v>434</v>
      </c>
      <c r="C243" s="7" t="s">
        <v>435</v>
      </c>
    </row>
    <row r="244" spans="1:3" s="5" customFormat="1" x14ac:dyDescent="0.25">
      <c r="A244" s="4">
        <v>243</v>
      </c>
      <c r="B244" s="5" t="s">
        <v>436</v>
      </c>
      <c r="C244" s="5" t="s">
        <v>437</v>
      </c>
    </row>
    <row r="245" spans="1:3" s="7" customFormat="1" x14ac:dyDescent="0.25">
      <c r="A245" s="6">
        <v>244</v>
      </c>
      <c r="B245" s="7" t="s">
        <v>438</v>
      </c>
      <c r="C245" s="7" t="s">
        <v>439</v>
      </c>
    </row>
    <row r="246" spans="1:3" s="5" customFormat="1" x14ac:dyDescent="0.25">
      <c r="A246" s="4">
        <v>245</v>
      </c>
      <c r="B246" s="5" t="s">
        <v>438</v>
      </c>
      <c r="C246" s="5" t="s">
        <v>440</v>
      </c>
    </row>
    <row r="247" spans="1:3" s="7" customFormat="1" x14ac:dyDescent="0.25">
      <c r="A247" s="6">
        <v>246</v>
      </c>
      <c r="B247" s="7" t="s">
        <v>441</v>
      </c>
      <c r="C247" s="7" t="s">
        <v>442</v>
      </c>
    </row>
    <row r="248" spans="1:3" s="5" customFormat="1" x14ac:dyDescent="0.25">
      <c r="A248" s="4">
        <v>247</v>
      </c>
      <c r="B248" s="5" t="s">
        <v>443</v>
      </c>
      <c r="C248" s="5" t="s">
        <v>444</v>
      </c>
    </row>
    <row r="249" spans="1:3" s="7" customFormat="1" x14ac:dyDescent="0.25">
      <c r="A249" s="6">
        <v>248</v>
      </c>
      <c r="B249" s="7" t="s">
        <v>445</v>
      </c>
      <c r="C249" s="7" t="s">
        <v>446</v>
      </c>
    </row>
    <row r="250" spans="1:3" s="5" customFormat="1" x14ac:dyDescent="0.25">
      <c r="A250" s="4">
        <v>249</v>
      </c>
      <c r="B250" s="5" t="s">
        <v>447</v>
      </c>
      <c r="C250" s="5" t="s">
        <v>448</v>
      </c>
    </row>
    <row r="251" spans="1:3" s="7" customFormat="1" x14ac:dyDescent="0.25">
      <c r="A251" s="6">
        <v>250</v>
      </c>
      <c r="B251" s="7" t="s">
        <v>449</v>
      </c>
      <c r="C251" s="7" t="s">
        <v>450</v>
      </c>
    </row>
    <row r="252" spans="1:3" s="5" customFormat="1" x14ac:dyDescent="0.25">
      <c r="A252" s="4">
        <v>251</v>
      </c>
      <c r="B252" s="5" t="s">
        <v>451</v>
      </c>
      <c r="C252" s="5" t="s">
        <v>452</v>
      </c>
    </row>
    <row r="253" spans="1:3" s="7" customFormat="1" x14ac:dyDescent="0.25">
      <c r="A253" s="6">
        <v>252</v>
      </c>
      <c r="B253" s="7" t="s">
        <v>453</v>
      </c>
      <c r="C253" s="7" t="s">
        <v>454</v>
      </c>
    </row>
    <row r="254" spans="1:3" s="5" customFormat="1" x14ac:dyDescent="0.25">
      <c r="A254" s="4">
        <v>253</v>
      </c>
      <c r="B254" s="5" t="s">
        <v>453</v>
      </c>
      <c r="C254" s="5" t="s">
        <v>455</v>
      </c>
    </row>
    <row r="255" spans="1:3" s="7" customFormat="1" x14ac:dyDescent="0.25">
      <c r="A255" s="6">
        <v>254</v>
      </c>
      <c r="B255" s="7" t="s">
        <v>456</v>
      </c>
      <c r="C255" s="7" t="s">
        <v>457</v>
      </c>
    </row>
    <row r="256" spans="1:3" s="5" customFormat="1" x14ac:dyDescent="0.25">
      <c r="A256" s="4">
        <v>255</v>
      </c>
      <c r="B256" s="5" t="s">
        <v>458</v>
      </c>
      <c r="C256" s="5" t="s">
        <v>459</v>
      </c>
    </row>
    <row r="257" spans="1:3" s="7" customFormat="1" x14ac:dyDescent="0.25">
      <c r="A257" s="6">
        <v>256</v>
      </c>
      <c r="B257" s="7" t="s">
        <v>460</v>
      </c>
      <c r="C257" s="7" t="s">
        <v>461</v>
      </c>
    </row>
    <row r="258" spans="1:3" s="5" customFormat="1" x14ac:dyDescent="0.25">
      <c r="A258" s="4">
        <v>257</v>
      </c>
      <c r="B258" s="5" t="s">
        <v>462</v>
      </c>
      <c r="C258" s="5" t="s">
        <v>463</v>
      </c>
    </row>
    <row r="259" spans="1:3" s="7" customFormat="1" x14ac:dyDescent="0.25">
      <c r="A259" s="6">
        <v>258</v>
      </c>
      <c r="B259" s="7" t="s">
        <v>464</v>
      </c>
      <c r="C259" s="7" t="s">
        <v>465</v>
      </c>
    </row>
    <row r="260" spans="1:3" s="5" customFormat="1" x14ac:dyDescent="0.25">
      <c r="A260" s="4">
        <v>259</v>
      </c>
      <c r="B260" s="5" t="s">
        <v>464</v>
      </c>
      <c r="C260" s="5" t="s">
        <v>466</v>
      </c>
    </row>
    <row r="261" spans="1:3" s="7" customFormat="1" x14ac:dyDescent="0.25">
      <c r="A261" s="6">
        <v>260</v>
      </c>
      <c r="B261" s="7" t="s">
        <v>467</v>
      </c>
      <c r="C261" s="7" t="s">
        <v>468</v>
      </c>
    </row>
    <row r="262" spans="1:3" s="5" customFormat="1" x14ac:dyDescent="0.25">
      <c r="A262" s="4">
        <v>261</v>
      </c>
      <c r="B262" s="5" t="s">
        <v>467</v>
      </c>
      <c r="C262" s="5" t="s">
        <v>469</v>
      </c>
    </row>
    <row r="263" spans="1:3" s="7" customFormat="1" x14ac:dyDescent="0.25">
      <c r="A263" s="6">
        <v>262</v>
      </c>
      <c r="B263" s="7" t="s">
        <v>470</v>
      </c>
      <c r="C263" s="7" t="s">
        <v>471</v>
      </c>
    </row>
    <row r="264" spans="1:3" s="5" customFormat="1" x14ac:dyDescent="0.25">
      <c r="A264" s="4">
        <v>263</v>
      </c>
      <c r="B264" s="5" t="s">
        <v>472</v>
      </c>
      <c r="C264" s="5" t="s">
        <v>473</v>
      </c>
    </row>
    <row r="265" spans="1:3" s="7" customFormat="1" x14ac:dyDescent="0.25">
      <c r="A265" s="6">
        <v>264</v>
      </c>
      <c r="B265" s="7" t="s">
        <v>474</v>
      </c>
      <c r="C265" s="7" t="s">
        <v>475</v>
      </c>
    </row>
    <row r="266" spans="1:3" s="5" customFormat="1" x14ac:dyDescent="0.25">
      <c r="A266" s="4">
        <v>265</v>
      </c>
      <c r="B266" s="5" t="s">
        <v>476</v>
      </c>
      <c r="C266" s="5" t="s">
        <v>477</v>
      </c>
    </row>
    <row r="267" spans="1:3" s="7" customFormat="1" x14ac:dyDescent="0.25">
      <c r="A267" s="6">
        <v>266</v>
      </c>
      <c r="B267" s="7" t="s">
        <v>478</v>
      </c>
      <c r="C267" s="7" t="s">
        <v>479</v>
      </c>
    </row>
    <row r="268" spans="1:3" s="5" customFormat="1" x14ac:dyDescent="0.25">
      <c r="A268" s="4">
        <v>267</v>
      </c>
      <c r="B268" s="5" t="s">
        <v>480</v>
      </c>
      <c r="C268" s="5" t="s">
        <v>481</v>
      </c>
    </row>
    <row r="269" spans="1:3" s="7" customFormat="1" x14ac:dyDescent="0.25">
      <c r="A269" s="6">
        <v>268</v>
      </c>
      <c r="B269" s="7" t="s">
        <v>480</v>
      </c>
      <c r="C269" s="7" t="s">
        <v>482</v>
      </c>
    </row>
    <row r="270" spans="1:3" s="5" customFormat="1" x14ac:dyDescent="0.25">
      <c r="A270" s="4">
        <v>269</v>
      </c>
      <c r="B270" s="5" t="s">
        <v>483</v>
      </c>
      <c r="C270" s="5" t="s">
        <v>484</v>
      </c>
    </row>
    <row r="271" spans="1:3" s="7" customFormat="1" x14ac:dyDescent="0.25">
      <c r="A271" s="6">
        <v>270</v>
      </c>
      <c r="B271" s="7" t="s">
        <v>485</v>
      </c>
      <c r="C271" s="7" t="s">
        <v>486</v>
      </c>
    </row>
    <row r="272" spans="1:3" s="5" customFormat="1" x14ac:dyDescent="0.25">
      <c r="A272" s="4">
        <v>271</v>
      </c>
      <c r="B272" s="5" t="s">
        <v>487</v>
      </c>
      <c r="C272" s="5" t="s">
        <v>488</v>
      </c>
    </row>
    <row r="273" spans="1:3" s="7" customFormat="1" x14ac:dyDescent="0.25">
      <c r="A273" s="6">
        <v>272</v>
      </c>
      <c r="B273" s="7" t="s">
        <v>489</v>
      </c>
      <c r="C273" s="7" t="s">
        <v>490</v>
      </c>
    </row>
    <row r="274" spans="1:3" s="5" customFormat="1" x14ac:dyDescent="0.25">
      <c r="A274" s="4">
        <v>273</v>
      </c>
      <c r="B274" s="5" t="s">
        <v>489</v>
      </c>
      <c r="C274" s="5" t="s">
        <v>491</v>
      </c>
    </row>
    <row r="275" spans="1:3" s="7" customFormat="1" x14ac:dyDescent="0.25">
      <c r="A275" s="6">
        <v>274</v>
      </c>
      <c r="B275" s="7" t="s">
        <v>489</v>
      </c>
      <c r="C275" s="7" t="s">
        <v>492</v>
      </c>
    </row>
    <row r="276" spans="1:3" s="5" customFormat="1" x14ac:dyDescent="0.25">
      <c r="A276" s="4">
        <v>275</v>
      </c>
      <c r="B276" s="5" t="s">
        <v>489</v>
      </c>
      <c r="C276" s="5" t="s">
        <v>493</v>
      </c>
    </row>
    <row r="277" spans="1:3" s="7" customFormat="1" x14ac:dyDescent="0.25">
      <c r="A277" s="6">
        <v>276</v>
      </c>
      <c r="B277" s="7" t="s">
        <v>489</v>
      </c>
      <c r="C277" s="7" t="s">
        <v>494</v>
      </c>
    </row>
    <row r="278" spans="1:3" s="5" customFormat="1" x14ac:dyDescent="0.25">
      <c r="A278" s="4">
        <v>277</v>
      </c>
      <c r="B278" s="5" t="s">
        <v>495</v>
      </c>
      <c r="C278" s="5" t="s">
        <v>496</v>
      </c>
    </row>
    <row r="279" spans="1:3" s="7" customFormat="1" x14ac:dyDescent="0.25">
      <c r="A279" s="6">
        <v>278</v>
      </c>
      <c r="B279" s="7" t="s">
        <v>497</v>
      </c>
      <c r="C279" s="7" t="s">
        <v>498</v>
      </c>
    </row>
    <row r="280" spans="1:3" s="5" customFormat="1" x14ac:dyDescent="0.25">
      <c r="A280" s="4">
        <v>279</v>
      </c>
      <c r="B280" s="5" t="s">
        <v>497</v>
      </c>
      <c r="C280" s="5" t="s">
        <v>499</v>
      </c>
    </row>
    <row r="281" spans="1:3" s="7" customFormat="1" x14ac:dyDescent="0.25">
      <c r="A281" s="6">
        <v>280</v>
      </c>
      <c r="B281" s="7" t="s">
        <v>500</v>
      </c>
      <c r="C281" s="7" t="s">
        <v>501</v>
      </c>
    </row>
    <row r="282" spans="1:3" s="5" customFormat="1" x14ac:dyDescent="0.25">
      <c r="A282" s="4">
        <v>281</v>
      </c>
      <c r="B282" s="5" t="s">
        <v>502</v>
      </c>
      <c r="C282" s="5" t="s">
        <v>503</v>
      </c>
    </row>
    <row r="283" spans="1:3" s="7" customFormat="1" x14ac:dyDescent="0.25">
      <c r="A283" s="6">
        <v>282</v>
      </c>
      <c r="B283" s="7" t="s">
        <v>502</v>
      </c>
      <c r="C283" s="7" t="s">
        <v>504</v>
      </c>
    </row>
    <row r="284" spans="1:3" s="5" customFormat="1" x14ac:dyDescent="0.25">
      <c r="A284" s="4">
        <v>283</v>
      </c>
      <c r="B284" s="5" t="s">
        <v>505</v>
      </c>
      <c r="C284" s="5" t="s">
        <v>506</v>
      </c>
    </row>
    <row r="285" spans="1:3" s="7" customFormat="1" x14ac:dyDescent="0.25">
      <c r="A285" s="6">
        <v>284</v>
      </c>
      <c r="B285" s="7" t="s">
        <v>507</v>
      </c>
      <c r="C285" s="7" t="s">
        <v>508</v>
      </c>
    </row>
    <row r="286" spans="1:3" s="5" customFormat="1" x14ac:dyDescent="0.25">
      <c r="A286" s="4">
        <v>285</v>
      </c>
      <c r="B286" s="5" t="s">
        <v>509</v>
      </c>
      <c r="C286" s="5" t="s">
        <v>510</v>
      </c>
    </row>
    <row r="287" spans="1:3" s="7" customFormat="1" x14ac:dyDescent="0.25">
      <c r="A287" s="6">
        <v>286</v>
      </c>
      <c r="B287" s="7" t="s">
        <v>511</v>
      </c>
      <c r="C287" s="7" t="s">
        <v>512</v>
      </c>
    </row>
    <row r="288" spans="1:3" s="5" customFormat="1" x14ac:dyDescent="0.25">
      <c r="A288" s="4">
        <v>287</v>
      </c>
      <c r="B288" s="5" t="s">
        <v>513</v>
      </c>
      <c r="C288" s="5" t="s">
        <v>514</v>
      </c>
    </row>
    <row r="289" spans="1:10" s="7" customFormat="1" x14ac:dyDescent="0.25">
      <c r="A289" s="6">
        <v>288</v>
      </c>
      <c r="B289" s="7" t="s">
        <v>515</v>
      </c>
      <c r="C289" s="7" t="s">
        <v>516</v>
      </c>
    </row>
    <row r="290" spans="1:10" s="5" customFormat="1" x14ac:dyDescent="0.25">
      <c r="A290" s="4">
        <v>289</v>
      </c>
      <c r="B290" s="5" t="s">
        <v>517</v>
      </c>
      <c r="C290" s="5" t="s">
        <v>518</v>
      </c>
    </row>
    <row r="291" spans="1:10" s="7" customFormat="1" x14ac:dyDescent="0.25">
      <c r="A291" s="6">
        <v>290</v>
      </c>
      <c r="B291" s="7" t="s">
        <v>519</v>
      </c>
      <c r="C291" s="7" t="s">
        <v>520</v>
      </c>
    </row>
    <row r="292" spans="1:10" s="5" customFormat="1" x14ac:dyDescent="0.25">
      <c r="A292" s="4">
        <v>291</v>
      </c>
      <c r="B292" s="5" t="s">
        <v>521</v>
      </c>
      <c r="C292" s="5" t="s">
        <v>522</v>
      </c>
    </row>
    <row r="293" spans="1:10" s="7" customFormat="1" x14ac:dyDescent="0.25">
      <c r="A293" s="6">
        <v>292</v>
      </c>
      <c r="B293" s="7" t="s">
        <v>523</v>
      </c>
      <c r="C293" s="7" t="s">
        <v>524</v>
      </c>
      <c r="J293" s="5"/>
    </row>
    <row r="294" spans="1:10" s="5" customFormat="1" x14ac:dyDescent="0.25">
      <c r="A294" s="4">
        <v>293</v>
      </c>
      <c r="B294" s="5" t="s">
        <v>525</v>
      </c>
      <c r="C294" s="5" t="s">
        <v>526</v>
      </c>
    </row>
    <row r="295" spans="1:10" s="7" customFormat="1" x14ac:dyDescent="0.25">
      <c r="A295" s="6">
        <v>294</v>
      </c>
      <c r="B295" s="7" t="s">
        <v>527</v>
      </c>
      <c r="C295" s="7" t="s">
        <v>528</v>
      </c>
    </row>
    <row r="296" spans="1:10" s="5" customFormat="1" x14ac:dyDescent="0.25">
      <c r="A296" s="4">
        <v>295</v>
      </c>
      <c r="B296" s="5" t="s">
        <v>529</v>
      </c>
      <c r="C296" s="5" t="s">
        <v>530</v>
      </c>
    </row>
    <row r="297" spans="1:10" s="7" customFormat="1" x14ac:dyDescent="0.25">
      <c r="A297" s="6">
        <v>296</v>
      </c>
      <c r="B297" s="7" t="s">
        <v>531</v>
      </c>
      <c r="C297" s="7" t="s">
        <v>532</v>
      </c>
    </row>
    <row r="298" spans="1:10" s="5" customFormat="1" x14ac:dyDescent="0.25">
      <c r="A298" s="4">
        <v>297</v>
      </c>
      <c r="B298" s="5" t="s">
        <v>533</v>
      </c>
      <c r="C298" s="5" t="s">
        <v>534</v>
      </c>
    </row>
    <row r="299" spans="1:10" s="7" customFormat="1" x14ac:dyDescent="0.25">
      <c r="A299" s="6">
        <v>298</v>
      </c>
      <c r="B299" s="7" t="s">
        <v>535</v>
      </c>
      <c r="C299" s="7" t="s">
        <v>536</v>
      </c>
    </row>
    <row r="300" spans="1:10" s="5" customFormat="1" x14ac:dyDescent="0.25">
      <c r="A300" s="4">
        <v>299</v>
      </c>
      <c r="B300" s="5" t="s">
        <v>537</v>
      </c>
      <c r="C300" s="5" t="s">
        <v>538</v>
      </c>
    </row>
    <row r="301" spans="1:10" s="7" customFormat="1" x14ac:dyDescent="0.25">
      <c r="A301" s="6">
        <v>300</v>
      </c>
      <c r="B301" s="7" t="s">
        <v>539</v>
      </c>
      <c r="C301" s="7" t="s">
        <v>540</v>
      </c>
    </row>
    <row r="302" spans="1:10" s="5" customFormat="1" x14ac:dyDescent="0.25">
      <c r="A302" s="4">
        <v>301</v>
      </c>
      <c r="B302" s="5" t="s">
        <v>541</v>
      </c>
      <c r="C302" s="5" t="s">
        <v>542</v>
      </c>
    </row>
    <row r="303" spans="1:10" s="7" customFormat="1" ht="19" customHeight="1" x14ac:dyDescent="0.25">
      <c r="A303" s="6">
        <v>302</v>
      </c>
      <c r="B303" s="7" t="s">
        <v>543</v>
      </c>
      <c r="C303" s="7" t="s">
        <v>544</v>
      </c>
    </row>
    <row r="304" spans="1:10" s="5" customFormat="1" ht="18" customHeight="1" x14ac:dyDescent="0.25">
      <c r="A304" s="4">
        <v>303</v>
      </c>
      <c r="B304" s="5" t="s">
        <v>545</v>
      </c>
      <c r="C304" s="5" t="s">
        <v>546</v>
      </c>
    </row>
    <row r="305" spans="1:3" s="7" customFormat="1" x14ac:dyDescent="0.25">
      <c r="A305" s="6">
        <v>304</v>
      </c>
      <c r="B305" s="7" t="s">
        <v>547</v>
      </c>
      <c r="C305" s="7" t="s">
        <v>548</v>
      </c>
    </row>
    <row r="306" spans="1:3" s="5" customFormat="1" x14ac:dyDescent="0.25">
      <c r="A306" s="4">
        <v>305</v>
      </c>
      <c r="B306" s="5" t="s">
        <v>549</v>
      </c>
      <c r="C306" s="5" t="s">
        <v>550</v>
      </c>
    </row>
    <row r="307" spans="1:3" s="7" customFormat="1" x14ac:dyDescent="0.25">
      <c r="A307" s="6">
        <v>306</v>
      </c>
      <c r="B307" s="7" t="s">
        <v>551</v>
      </c>
      <c r="C307" s="7" t="s">
        <v>552</v>
      </c>
    </row>
    <row r="308" spans="1:3" s="5" customFormat="1" x14ac:dyDescent="0.25">
      <c r="A308" s="4">
        <v>307</v>
      </c>
      <c r="B308" s="5" t="s">
        <v>553</v>
      </c>
      <c r="C308" s="5" t="s">
        <v>554</v>
      </c>
    </row>
    <row r="309" spans="1:3" s="7" customFormat="1" x14ac:dyDescent="0.25">
      <c r="A309" s="6">
        <v>308</v>
      </c>
      <c r="B309" s="7" t="s">
        <v>555</v>
      </c>
      <c r="C309" s="7" t="s">
        <v>556</v>
      </c>
    </row>
    <row r="310" spans="1:3" s="5" customFormat="1" x14ac:dyDescent="0.25">
      <c r="A310" s="4">
        <v>309</v>
      </c>
      <c r="B310" s="5" t="s">
        <v>557</v>
      </c>
      <c r="C310" s="5" t="s">
        <v>558</v>
      </c>
    </row>
    <row r="311" spans="1:3" s="7" customFormat="1" x14ac:dyDescent="0.25">
      <c r="A311" s="6">
        <v>310</v>
      </c>
      <c r="B311" s="7" t="s">
        <v>559</v>
      </c>
      <c r="C311" s="7" t="s">
        <v>560</v>
      </c>
    </row>
    <row r="312" spans="1:3" s="5" customFormat="1" x14ac:dyDescent="0.25">
      <c r="A312" s="4">
        <v>311</v>
      </c>
      <c r="B312" s="5" t="s">
        <v>561</v>
      </c>
      <c r="C312" s="5" t="s">
        <v>562</v>
      </c>
    </row>
    <row r="313" spans="1:3" s="7" customFormat="1" x14ac:dyDescent="0.25">
      <c r="A313" s="6">
        <v>312</v>
      </c>
      <c r="B313" s="7" t="s">
        <v>561</v>
      </c>
      <c r="C313" s="7" t="s">
        <v>563</v>
      </c>
    </row>
    <row r="314" spans="1:3" s="5" customFormat="1" x14ac:dyDescent="0.25">
      <c r="A314" s="4">
        <v>313</v>
      </c>
      <c r="B314" s="5" t="s">
        <v>564</v>
      </c>
      <c r="C314" s="5" t="s">
        <v>565</v>
      </c>
    </row>
    <row r="315" spans="1:3" s="7" customFormat="1" x14ac:dyDescent="0.25">
      <c r="A315" s="6">
        <v>314</v>
      </c>
      <c r="B315" s="7" t="s">
        <v>566</v>
      </c>
      <c r="C315" s="7" t="s">
        <v>567</v>
      </c>
    </row>
    <row r="316" spans="1:3" s="5" customFormat="1" x14ac:dyDescent="0.25">
      <c r="A316" s="4">
        <v>315</v>
      </c>
      <c r="B316" s="5" t="s">
        <v>568</v>
      </c>
      <c r="C316" s="5" t="s">
        <v>569</v>
      </c>
    </row>
    <row r="317" spans="1:3" s="7" customFormat="1" x14ac:dyDescent="0.25">
      <c r="A317" s="6">
        <v>316</v>
      </c>
      <c r="B317" s="7" t="s">
        <v>570</v>
      </c>
      <c r="C317" s="7" t="s">
        <v>571</v>
      </c>
    </row>
    <row r="318" spans="1:3" s="5" customFormat="1" x14ac:dyDescent="0.25">
      <c r="A318" s="4">
        <v>317</v>
      </c>
      <c r="B318" s="5" t="s">
        <v>572</v>
      </c>
      <c r="C318" s="5" t="s">
        <v>573</v>
      </c>
    </row>
    <row r="319" spans="1:3" s="7" customFormat="1" x14ac:dyDescent="0.25">
      <c r="A319" s="6">
        <v>318</v>
      </c>
      <c r="B319" s="7" t="s">
        <v>574</v>
      </c>
      <c r="C319" s="7" t="s">
        <v>575</v>
      </c>
    </row>
    <row r="320" spans="1:3" s="5" customFormat="1" x14ac:dyDescent="0.25">
      <c r="A320" s="4">
        <v>319</v>
      </c>
      <c r="B320" s="5" t="s">
        <v>576</v>
      </c>
      <c r="C320" s="5" t="s">
        <v>577</v>
      </c>
    </row>
    <row r="321" spans="1:3" s="7" customFormat="1" x14ac:dyDescent="0.25">
      <c r="A321" s="6">
        <v>320</v>
      </c>
      <c r="B321" s="7" t="s">
        <v>578</v>
      </c>
      <c r="C321" s="7" t="s">
        <v>579</v>
      </c>
    </row>
    <row r="322" spans="1:3" s="5" customFormat="1" x14ac:dyDescent="0.25">
      <c r="A322" s="4">
        <v>321</v>
      </c>
      <c r="B322" s="5" t="s">
        <v>580</v>
      </c>
      <c r="C322" s="5" t="s">
        <v>581</v>
      </c>
    </row>
    <row r="323" spans="1:3" s="7" customFormat="1" x14ac:dyDescent="0.25">
      <c r="A323" s="6">
        <v>322</v>
      </c>
      <c r="B323" s="7" t="s">
        <v>582</v>
      </c>
      <c r="C323" s="7" t="s">
        <v>583</v>
      </c>
    </row>
    <row r="324" spans="1:3" s="5" customFormat="1" x14ac:dyDescent="0.25">
      <c r="A324" s="4">
        <v>323</v>
      </c>
      <c r="B324" s="5" t="s">
        <v>584</v>
      </c>
      <c r="C324" s="5" t="s">
        <v>585</v>
      </c>
    </row>
    <row r="325" spans="1:3" s="7" customFormat="1" x14ac:dyDescent="0.25">
      <c r="A325" s="6">
        <v>324</v>
      </c>
      <c r="B325" s="7" t="s">
        <v>586</v>
      </c>
      <c r="C325" s="7" t="s">
        <v>587</v>
      </c>
    </row>
    <row r="326" spans="1:3" s="5" customFormat="1" x14ac:dyDescent="0.25">
      <c r="A326" s="4">
        <v>325</v>
      </c>
      <c r="B326" s="5" t="s">
        <v>588</v>
      </c>
      <c r="C326" s="5" t="s">
        <v>589</v>
      </c>
    </row>
    <row r="327" spans="1:3" s="7" customFormat="1" x14ac:dyDescent="0.25">
      <c r="A327" s="6">
        <v>326</v>
      </c>
      <c r="B327" s="7" t="s">
        <v>588</v>
      </c>
      <c r="C327" s="7" t="s">
        <v>590</v>
      </c>
    </row>
    <row r="328" spans="1:3" s="5" customFormat="1" x14ac:dyDescent="0.25">
      <c r="A328" s="4">
        <v>327</v>
      </c>
      <c r="B328" s="5" t="s">
        <v>588</v>
      </c>
      <c r="C328" s="5" t="s">
        <v>591</v>
      </c>
    </row>
    <row r="329" spans="1:3" s="7" customFormat="1" x14ac:dyDescent="0.25">
      <c r="A329" s="6">
        <v>328</v>
      </c>
      <c r="B329" s="7" t="s">
        <v>592</v>
      </c>
      <c r="C329" s="7" t="s">
        <v>593</v>
      </c>
    </row>
    <row r="330" spans="1:3" s="5" customFormat="1" x14ac:dyDescent="0.25">
      <c r="A330" s="4">
        <v>329</v>
      </c>
      <c r="B330" s="5" t="s">
        <v>594</v>
      </c>
      <c r="C330" s="5" t="s">
        <v>595</v>
      </c>
    </row>
    <row r="331" spans="1:3" s="11" customFormat="1" x14ac:dyDescent="0.25">
      <c r="A331" s="10"/>
    </row>
    <row r="332" spans="1:3" s="11" customFormat="1" x14ac:dyDescent="0.25">
      <c r="A332" s="10"/>
    </row>
    <row r="333" spans="1:3" s="11" customFormat="1" x14ac:dyDescent="0.25">
      <c r="A333" s="10"/>
    </row>
    <row r="334" spans="1:3" s="11" customFormat="1" x14ac:dyDescent="0.25">
      <c r="A334" s="10"/>
      <c r="C334" s="11" t="s">
        <v>596</v>
      </c>
    </row>
    <row r="335" spans="1:3" s="11" customFormat="1" x14ac:dyDescent="0.25">
      <c r="A335" s="10"/>
    </row>
    <row r="336" spans="1:3" s="11" customFormat="1" x14ac:dyDescent="0.25">
      <c r="A336" s="10"/>
    </row>
    <row r="337" spans="1:1" s="11" customFormat="1" x14ac:dyDescent="0.25">
      <c r="A337" s="10"/>
    </row>
    <row r="338" spans="1:1" s="11" customFormat="1" x14ac:dyDescent="0.25">
      <c r="A338" s="10"/>
    </row>
    <row r="339" spans="1:1" s="11" customFormat="1" x14ac:dyDescent="0.25">
      <c r="A339" s="10"/>
    </row>
    <row r="340" spans="1:1" s="11" customFormat="1" x14ac:dyDescent="0.25">
      <c r="A340" s="10"/>
    </row>
    <row r="341" spans="1:1" s="11" customFormat="1" x14ac:dyDescent="0.25">
      <c r="A341" s="10"/>
    </row>
    <row r="342" spans="1:1" s="11" customFormat="1" x14ac:dyDescent="0.25">
      <c r="A342" s="10"/>
    </row>
    <row r="343" spans="1:1" s="11" customFormat="1" x14ac:dyDescent="0.25">
      <c r="A343" s="10"/>
    </row>
    <row r="344" spans="1:1" s="11" customFormat="1" x14ac:dyDescent="0.25">
      <c r="A344" s="10"/>
    </row>
  </sheetData>
  <autoFilter ref="A1:C330" xr:uid="{9C84AD2F-1CC3-40E4-8115-6B3F4AB72857}"/>
  <sortState xmlns:xlrd2="http://schemas.microsoft.com/office/spreadsheetml/2017/richdata2" ref="A2:C334">
    <sortCondition ref="B1"/>
  </sortState>
  <conditionalFormatting sqref="A2:C330">
    <cfRule type="expression" dxfId="6" priority="2">
      <formula>"  =MOD(ROW0,2)=0"</formula>
    </cfRule>
    <cfRule type="expression" dxfId="5" priority="3">
      <formula>"  =MOD(COLUMN(),2)=0"</formula>
    </cfRule>
    <cfRule type="expression" dxfId="4" priority="4">
      <formula>"  =MOD(COLUMN(),2)=0"</formula>
    </cfRule>
    <cfRule type="expression" dxfId="3" priority="5">
      <formula>MOD(row0,2)=0</formula>
    </cfRule>
    <cfRule type="expression" dxfId="2" priority="6">
      <formula>MOD(row0,2)=0</formula>
    </cfRule>
    <cfRule type="expression" dxfId="1" priority="7">
      <formula>MOD(row0,2)=0</formula>
    </cfRule>
    <cfRule type="expression" priority="8">
      <formula>-MOD(row0,2)=0</formula>
    </cfRule>
  </conditionalFormatting>
  <conditionalFormatting sqref="A1:XFD1048576">
    <cfRule type="expression" dxfId="0" priority="1">
      <formula>"  =MOD(COLUMN(),2)=0"</formula>
    </cfRule>
  </conditionalFormatting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0B61C61805B274098A0B54C6C144203" ma:contentTypeVersion="11" ma:contentTypeDescription="Create a new document." ma:contentTypeScope="" ma:versionID="fbdf1b3a3d7a2eace907f8e8faf7a730">
  <xsd:schema xmlns:xsd="http://www.w3.org/2001/XMLSchema" xmlns:xs="http://www.w3.org/2001/XMLSchema" xmlns:p="http://schemas.microsoft.com/office/2006/metadata/properties" xmlns:ns2="f480a371-3368-4b0c-9443-52ce76ceda75" xmlns:ns3="525d36d4-5ab3-4e8d-bbbf-e5d2aa846438" targetNamespace="http://schemas.microsoft.com/office/2006/metadata/properties" ma:root="true" ma:fieldsID="c567814e5c107b9c78c3fe781c062dd9" ns2:_="" ns3:_="">
    <xsd:import namespace="f480a371-3368-4b0c-9443-52ce76ceda75"/>
    <xsd:import namespace="525d36d4-5ab3-4e8d-bbbf-e5d2aa84643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Tags" minOccurs="0"/>
                <xsd:element ref="ns2:MediaLengthInSecond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480a371-3368-4b0c-9443-52ce76ceda7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LengthInSeconds" ma:index="13" nillable="true" ma:displayName="MediaLengthInSeconds" ma:hidden="true" ma:internalName="MediaLengthInSeconds" ma:readOnly="true">
      <xsd:simpleType>
        <xsd:restriction base="dms:Unknown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8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5d36d4-5ab3-4e8d-bbbf-e5d2aa846438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2F7D55F-6D6E-416C-9EF8-DF08CEFFE10C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f480a371-3368-4b0c-9443-52ce76ceda75"/>
    <ds:schemaRef ds:uri="http://purl.org/dc/dcmitype/"/>
    <ds:schemaRef ds:uri="525d36d4-5ab3-4e8d-bbbf-e5d2aa846438"/>
    <ds:schemaRef ds:uri="http://schemas.microsoft.com/office/2006/documentManagement/types"/>
    <ds:schemaRef ds:uri="http://schemas.microsoft.com/office/infopath/2007/PartnerControls"/>
    <ds:schemaRef ds:uri="http://www.w3.org/XML/1998/namespace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DB0B19E6-D94B-47C7-81C6-EC7C2CB4AC0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A3362EA-7428-4BBC-88EA-CA18DBDDC6B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480a371-3368-4b0c-9443-52ce76ceda75"/>
    <ds:schemaRef ds:uri="525d36d4-5ab3-4e8d-bbbf-e5d2aa84643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rowder, Charles@DOT</dc:creator>
  <cp:keywords/>
  <dc:description/>
  <cp:lastModifiedBy>Gibson, Emily@DOT</cp:lastModifiedBy>
  <cp:revision/>
  <dcterms:created xsi:type="dcterms:W3CDTF">2022-02-23T20:01:58Z</dcterms:created>
  <dcterms:modified xsi:type="dcterms:W3CDTF">2022-02-25T19:16:3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0B61C61805B274098A0B54C6C144203</vt:lpwstr>
  </property>
</Properties>
</file>